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13"/>
  </p:notesMasterIdLst>
  <p:handoutMasterIdLst>
    <p:handoutMasterId r:id="rId14"/>
  </p:handoutMasterIdLst>
  <p:sldIdLst>
    <p:sldId id="256" r:id="rId2"/>
    <p:sldId id="368" r:id="rId3"/>
    <p:sldId id="268" r:id="rId4"/>
    <p:sldId id="257" r:id="rId5"/>
    <p:sldId id="261" r:id="rId6"/>
    <p:sldId id="373" r:id="rId7"/>
    <p:sldId id="370" r:id="rId8"/>
    <p:sldId id="371" r:id="rId9"/>
    <p:sldId id="372" r:id="rId10"/>
    <p:sldId id="263" r:id="rId11"/>
    <p:sldId id="265" r:id="rId12"/>
  </p:sldIdLst>
  <p:sldSz cx="12192000" cy="6858000"/>
  <p:notesSz cx="6858000" cy="9144000"/>
  <p:custDataLst>
    <p:tags r:id="rId15"/>
  </p:custData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521415D9-36F7-43E2-AB2F-B90AF26B5E84}">
      <p14:sectionLst xmlns:p14="http://schemas.microsoft.com/office/powerpoint/2010/main">
        <p14:section name="Default Section" id="{A4670277-07F8-4366-85B7-8AFC04C36B2C}">
          <p14:sldIdLst>
            <p14:sldId id="256"/>
            <p14:sldId id="368"/>
          </p14:sldIdLst>
        </p14:section>
        <p14:section name="Summary Section" id="{C5CF5B18-4EBA-4561-8FF9-7304E883CFAB}">
          <p14:sldIdLst>
            <p14:sldId id="268"/>
          </p14:sldIdLst>
        </p14:section>
        <p14:section name="Apa itu Teknologi" id="{8F7E7DD0-E300-4B64-9855-12ED0A4B1390}">
          <p14:sldIdLst>
            <p14:sldId id="257"/>
          </p14:sldIdLst>
        </p14:section>
        <p14:section name="Konsep Blended Learning" id="{C2855068-C677-45EF-872C-B5770F5A84E3}">
          <p14:sldIdLst>
            <p14:sldId id="261"/>
          </p14:sldIdLst>
        </p14:section>
        <p14:section name="Perangkat Pembelajaran Blended Learning" id="{545842D7-2B31-4933-93F4-E9A31B9501A4}">
          <p14:sldIdLst>
            <p14:sldId id="373"/>
          </p14:sldIdLst>
        </p14:section>
        <p14:section name="Memilih Teknologi Pendidikan" id="{35FF4163-62D3-4296-9276-EFC30FC7129F}">
          <p14:sldIdLst>
            <p14:sldId id="370"/>
          </p14:sldIdLst>
        </p14:section>
        <p14:section name="Isu Blended Learning" id="{46FB9CF3-5D60-481E-AB82-70CE03CB4051}">
          <p14:sldIdLst>
            <p14:sldId id="371"/>
          </p14:sldIdLst>
        </p14:section>
        <p14:section name="Optimalisasi Penggunaan Teknologi" id="{8CA9A916-1429-4D9C-9BF7-61E820A6CD8B}">
          <p14:sldIdLst>
            <p14:sldId id="372"/>
          </p14:sldIdLst>
        </p14:section>
        <p14:section name="Sumber Belajar Gratis" id="{022F5DFE-E831-4DA1-8062-D0B181C16CBE}">
          <p14:sldIdLst>
            <p14:sldId id="263"/>
          </p14:sldIdLst>
        </p14:section>
        <p14:section name="Penutup" id="{264D57C6-1F46-4FC3-B3A6-A40BDCF5FBE7}">
          <p14:sldIdLst>
            <p14:sldId id="265"/>
          </p14:sldIdLst>
        </p14:section>
      </p14:sectionLst>
    </p:ex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Hamdan Husein Batubara" initials="HHB" lastIdx="2" clrIdx="0">
    <p:extLst>
      <p:ext uri="{19B8F6BF-5375-455C-9EA6-DF929625EA0E}">
        <p15:presenceInfo xmlns:p15="http://schemas.microsoft.com/office/powerpoint/2012/main" userId="S::batubara@microsoft.walisongo.ac.id::2d541daf-e448-4494-94ae-e897f06ae640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loop="1" showNarration="1">
    <p:browse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70C0"/>
    <a:srgbClr val="FFFFCC"/>
    <a:srgbClr val="FFBF00"/>
    <a:srgbClr val="005392"/>
    <a:srgbClr val="006699"/>
    <a:srgbClr val="FFD9AB"/>
    <a:srgbClr val="00D0AF"/>
    <a:srgbClr val="FFFFFF"/>
    <a:srgbClr val="C1F49A"/>
    <a:srgbClr val="0171C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0020" autoAdjust="0"/>
    <p:restoredTop sz="93966" autoAdjust="0"/>
  </p:normalViewPr>
  <p:slideViewPr>
    <p:cSldViewPr snapToGrid="0">
      <p:cViewPr varScale="1">
        <p:scale>
          <a:sx n="79" d="100"/>
          <a:sy n="79" d="100"/>
        </p:scale>
        <p:origin x="542" y="6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64" d="100"/>
          <a:sy n="64" d="100"/>
        </p:scale>
        <p:origin x="3115" y="67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notesMaster" Target="notesMasters/notesMaster1.xml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commentAuthors" Target="commentAuthors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9A326700-BE01-4A0F-A730-7DE324113453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id-ID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B7F6AF2F-B011-4991-B8BA-C6730DB1C1F0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4E534A5-D3CF-4DCE-8C1C-49184C14F6ED}" type="datetimeFigureOut">
              <a:rPr lang="id-ID" smtClean="0"/>
              <a:t>05/07/2020</a:t>
            </a:fld>
            <a:endParaRPr lang="id-ID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01FEF941-26E3-4020-A8A9-543CCA56FE6C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418098132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id-ID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5D0D41A-AF12-47E7-BC54-2929CB9DD753}" type="datetimeFigureOut">
              <a:rPr lang="id-ID" smtClean="0"/>
              <a:t>05/07/2020</a:t>
            </a:fld>
            <a:endParaRPr lang="id-ID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id-ID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id-ID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id-ID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1D54934-8588-471C-B763-BDD7F24BBC01}" type="slidenum">
              <a:rPr lang="id-ID" smtClean="0"/>
              <a:t>‹#›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280031153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D54934-8588-471C-B763-BDD7F24BBC01}" type="slidenum">
              <a:rPr lang="id-ID" smtClean="0"/>
              <a:t>1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98291798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D54934-8588-471C-B763-BDD7F24BBC01}" type="slidenum">
              <a:rPr lang="id-ID" smtClean="0"/>
              <a:t>11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119091187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116CB6-3636-42B9-88C0-00E6F124406F}" type="slidenum">
              <a:rPr kumimoji="0" lang="en-ID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</a:t>
            </a:fld>
            <a:endParaRPr kumimoji="0" lang="en-ID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5327541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D54934-8588-471C-B763-BDD7F24BBC01}" type="slidenum">
              <a:rPr lang="id-ID" smtClean="0"/>
              <a:t>3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18826627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id-ID" dirty="0"/>
              <a:t>Teknologi berasal dari bahasa Yunani, yaitu </a:t>
            </a:r>
            <a:r>
              <a:rPr lang="id-ID" i="1" u="none" dirty="0"/>
              <a:t>Technologia. Techne = kemampuan, Logia = ungkapan. </a:t>
            </a:r>
          </a:p>
          <a:p>
            <a:r>
              <a:rPr lang="id-ID" dirty="0"/>
              <a:t>Kemampuan spesifikasi hardware melaksanakan aktivitas yg dikehendaki?</a:t>
            </a:r>
          </a:p>
          <a:p>
            <a:r>
              <a:rPr lang="id-ID" dirty="0"/>
              <a:t>Kesesuaian software dengan sistem operasi ?</a:t>
            </a:r>
          </a:p>
          <a:p>
            <a:r>
              <a:rPr lang="id-ID" dirty="0"/>
              <a:t>Biaya yang diperlukan? Solusi untuk biaya jaringan internet? Kekuatan jaringan internet?</a:t>
            </a:r>
            <a:br>
              <a:rPr lang="id-ID" dirty="0"/>
            </a:br>
            <a:r>
              <a:rPr lang="id-ID" dirty="0"/>
              <a:t>Kuantitats dan kualitas layanan yang diberikan pemerintah dan lembaga pendidikan.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D54934-8588-471C-B763-BDD7F24BBC01}" type="slidenum">
              <a:rPr lang="id-ID" smtClean="0"/>
              <a:t>4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167204037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marR="0" lvl="0" indent="-17145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lang="id-ID" dirty="0"/>
              <a:t>Keunggulan: menggabungkan keunggulan tatap muka dengan pembelajaran daring</a:t>
            </a:r>
          </a:p>
          <a:p>
            <a:pPr marL="171450" marR="0" lvl="0" indent="-17145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lang="id-ID" dirty="0"/>
              <a:t>Manfaat: Memperkaya materi pelajaran, Memerdekakan siswa, </a:t>
            </a:r>
          </a:p>
          <a:p>
            <a:pPr marL="171450" marR="0" lvl="0" indent="-17145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lang="id-ID" dirty="0"/>
              <a:t>Aktivitas siswa dalam tatap maya? feedback, latihan, diskusi, demonstrasi, dan kolaborasi.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D54934-8588-471C-B763-BDD7F24BBC01}" type="slidenum">
              <a:rPr lang="id-ID" smtClean="0"/>
              <a:t>5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37653584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id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D54934-8588-471C-B763-BDD7F24BBC01}" type="slidenum">
              <a:rPr lang="id-ID" smtClean="0"/>
              <a:t>7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36537417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id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D54934-8588-471C-B763-BDD7F24BBC01}" type="slidenum">
              <a:rPr lang="id-ID" smtClean="0"/>
              <a:t>8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1881048182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id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D54934-8588-471C-B763-BDD7F24BBC01}" type="slidenum">
              <a:rPr lang="id-ID" smtClean="0"/>
              <a:t>9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241606810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id-ID" dirty="0"/>
              <a:t>Saran: </a:t>
            </a:r>
          </a:p>
          <a:p>
            <a:pPr marL="228600" indent="-228600">
              <a:buAutoNum type="arabicParenBoth"/>
            </a:pPr>
            <a:r>
              <a:rPr lang="id-ID" dirty="0"/>
              <a:t>Akses dan pelajari materi pelajaran gratis di Internet, (2) Kutip dan reproduksi artikel ilmiah yang bermutu,</a:t>
            </a:r>
          </a:p>
          <a:p>
            <a:pPr marL="0" indent="0">
              <a:buNone/>
            </a:pPr>
            <a:r>
              <a:rPr lang="id-ID" dirty="0"/>
              <a:t>(3) Hindari mengutip artikel yang tidak direview, seperti blog, wikipedia, (4) Follow and Subscribe media sosial yang menyajikan informasi berkualitas.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D54934-8588-471C-B763-BDD7F24BBC01}" type="slidenum">
              <a:rPr lang="id-ID" smtClean="0"/>
              <a:t>10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20821568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7" Type="http://schemas.openxmlformats.org/officeDocument/2006/relationships/image" Target="../media/image4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3.png"/><Relationship Id="rId5" Type="http://schemas.openxmlformats.org/officeDocument/2006/relationships/image" Target="../media/image2.png"/><Relationship Id="rId4" Type="http://schemas.openxmlformats.org/officeDocument/2006/relationships/hyperlink" Target="https://www.pinstok.com/id/gambar-awan" TargetMode="External"/></Relationships>
</file>

<file path=ppt/slideLayouts/_rels/slideLayout2.xml.rels><?xml version="1.0" encoding="UTF-8" standalone="yes"?>
<Relationships xmlns="http://schemas.openxmlformats.org/package/2006/relationships"><Relationship Id="rId3" Type="http://schemas.microsoft.com/office/2007/relationships/hdphoto" Target="../media/hdphoto2.wdp"/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Relationship Id="rId4" Type="http://schemas.openxmlformats.org/officeDocument/2006/relationships/hyperlink" Target="https://www.pinstok.com/id/gambar-awan" TargetMode="External"/></Relationships>
</file>

<file path=ppt/slideLayouts/_rels/slideLayout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hyperlink" Target="https://www.pinstok.com/id/gambar-awan" TargetMode="External"/><Relationship Id="rId7" Type="http://schemas.openxmlformats.org/officeDocument/2006/relationships/image" Target="../media/image10.jpg"/><Relationship Id="rId2" Type="http://schemas.openxmlformats.org/officeDocument/2006/relationships/image" Target="../media/image6.jpe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9.jpg"/><Relationship Id="rId5" Type="http://schemas.openxmlformats.org/officeDocument/2006/relationships/image" Target="../media/image8.jpg"/><Relationship Id="rId4" Type="http://schemas.openxmlformats.org/officeDocument/2006/relationships/image" Target="../media/image7.png"/><Relationship Id="rId9" Type="http://schemas.openxmlformats.org/officeDocument/2006/relationships/image" Target="../media/image12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pinstok.com/id/gambar-awan" TargetMode="External"/><Relationship Id="rId2" Type="http://schemas.openxmlformats.org/officeDocument/2006/relationships/image" Target="../media/image6.jpe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4.png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>
            <a:extLst>
              <a:ext uri="{FF2B5EF4-FFF2-40B4-BE49-F238E27FC236}">
                <a16:creationId xmlns:a16="http://schemas.microsoft.com/office/drawing/2014/main" id="{E4ECB338-CABE-48E8-9785-D6F9F4966ED9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saturation sat="400000"/>
                    </a14:imgEffect>
                    <a14:imgEffect>
                      <a14:brightnessContrast bright="20000" contrast="2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  <a:ext uri="{837473B0-CC2E-450A-ABE3-18F120FF3D39}">
                <a1611:picAttrSrcUrl xmlns:a1611="http://schemas.microsoft.com/office/drawing/2016/11/main" r:id="rId4"/>
              </a:ext>
            </a:extLst>
          </a:blip>
          <a:stretch>
            <a:fillRect/>
          </a:stretch>
        </p:blipFill>
        <p:spPr>
          <a:xfrm>
            <a:off x="180392" y="0"/>
            <a:ext cx="11767457" cy="6858000"/>
          </a:xfrm>
          <a:prstGeom prst="rect">
            <a:avLst/>
          </a:prstGeom>
        </p:spPr>
      </p:pic>
      <p:sp>
        <p:nvSpPr>
          <p:cNvPr id="35" name="Google Shape;74;p5">
            <a:extLst>
              <a:ext uri="{FF2B5EF4-FFF2-40B4-BE49-F238E27FC236}">
                <a16:creationId xmlns:a16="http://schemas.microsoft.com/office/drawing/2014/main" id="{E86CBC5E-97BE-4B48-98CF-A813F03CF8DA}"/>
              </a:ext>
            </a:extLst>
          </p:cNvPr>
          <p:cNvSpPr/>
          <p:nvPr userDrawn="1"/>
        </p:nvSpPr>
        <p:spPr>
          <a:xfrm>
            <a:off x="0" y="0"/>
            <a:ext cx="12191999" cy="6858001"/>
          </a:xfrm>
          <a:prstGeom prst="rect">
            <a:avLst/>
          </a:prstGeom>
          <a:solidFill>
            <a:srgbClr val="FFFFFF">
              <a:alpha val="74000"/>
            </a:srgbClr>
          </a:solidFill>
          <a:ln w="12700" cap="flat" cmpd="sng">
            <a:noFill/>
            <a:prstDash val="solid"/>
            <a:miter lim="800000"/>
            <a:headEnd type="none" w="sm" len="sm"/>
            <a:tailEnd type="none" w="sm" len="sm"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8" name="Freeform 44">
            <a:extLst>
              <a:ext uri="{FF2B5EF4-FFF2-40B4-BE49-F238E27FC236}">
                <a16:creationId xmlns:a16="http://schemas.microsoft.com/office/drawing/2014/main" id="{677409C1-8136-4AB0-AB34-4BC393848713}"/>
              </a:ext>
            </a:extLst>
          </p:cNvPr>
          <p:cNvSpPr/>
          <p:nvPr userDrawn="1"/>
        </p:nvSpPr>
        <p:spPr>
          <a:xfrm>
            <a:off x="272143" y="3721395"/>
            <a:ext cx="11789228" cy="3136606"/>
          </a:xfrm>
          <a:custGeom>
            <a:avLst/>
            <a:gdLst>
              <a:gd name="connsiteX0" fmla="*/ 10340355 w 12191999"/>
              <a:gd name="connsiteY0" fmla="*/ 0 h 4953001"/>
              <a:gd name="connsiteX1" fmla="*/ 11921557 w 12191999"/>
              <a:gd name="connsiteY1" fmla="*/ 298901 h 4953001"/>
              <a:gd name="connsiteX2" fmla="*/ 12191999 w 12191999"/>
              <a:gd name="connsiteY2" fmla="*/ 421557 h 4953001"/>
              <a:gd name="connsiteX3" fmla="*/ 12191999 w 12191999"/>
              <a:gd name="connsiteY3" fmla="*/ 2262552 h 4953001"/>
              <a:gd name="connsiteX4" fmla="*/ 12191999 w 12191999"/>
              <a:gd name="connsiteY4" fmla="*/ 4531443 h 4953001"/>
              <a:gd name="connsiteX5" fmla="*/ 12191999 w 12191999"/>
              <a:gd name="connsiteY5" fmla="*/ 4952999 h 4953001"/>
              <a:gd name="connsiteX6" fmla="*/ 10340399 w 12191999"/>
              <a:gd name="connsiteY6" fmla="*/ 4952999 h 4953001"/>
              <a:gd name="connsiteX7" fmla="*/ 10340355 w 12191999"/>
              <a:gd name="connsiteY7" fmla="*/ 4953000 h 4953001"/>
              <a:gd name="connsiteX8" fmla="*/ 10340328 w 12191999"/>
              <a:gd name="connsiteY8" fmla="*/ 4952999 h 4953001"/>
              <a:gd name="connsiteX9" fmla="*/ 5604870 w 12191999"/>
              <a:gd name="connsiteY9" fmla="*/ 4952999 h 4953001"/>
              <a:gd name="connsiteX10" fmla="*/ 5604809 w 12191999"/>
              <a:gd name="connsiteY10" fmla="*/ 4953001 h 4953001"/>
              <a:gd name="connsiteX11" fmla="*/ 5604748 w 12191999"/>
              <a:gd name="connsiteY11" fmla="*/ 4952999 h 4953001"/>
              <a:gd name="connsiteX12" fmla="*/ 0 w 12191999"/>
              <a:gd name="connsiteY12" fmla="*/ 4952999 h 4953001"/>
              <a:gd name="connsiteX13" fmla="*/ 0 w 12191999"/>
              <a:gd name="connsiteY13" fmla="*/ 4151859 h 4953001"/>
              <a:gd name="connsiteX14" fmla="*/ 0 w 12191999"/>
              <a:gd name="connsiteY14" fmla="*/ 3009899 h 4953001"/>
              <a:gd name="connsiteX15" fmla="*/ 0 w 12191999"/>
              <a:gd name="connsiteY15" fmla="*/ 2773550 h 4953001"/>
              <a:gd name="connsiteX16" fmla="*/ 73056 w 12191999"/>
              <a:gd name="connsiteY16" fmla="*/ 2693371 h 4953001"/>
              <a:gd name="connsiteX17" fmla="*/ 1784350 w 12191999"/>
              <a:gd name="connsiteY17" fmla="*/ 2086708 h 4953001"/>
              <a:gd name="connsiteX18" fmla="*/ 2979029 w 12191999"/>
              <a:gd name="connsiteY18" fmla="*/ 2340572 h 4953001"/>
              <a:gd name="connsiteX19" fmla="*/ 3035542 w 12191999"/>
              <a:gd name="connsiteY19" fmla="*/ 2370916 h 4953001"/>
              <a:gd name="connsiteX20" fmla="*/ 3122083 w 12191999"/>
              <a:gd name="connsiteY20" fmla="*/ 2254650 h 4953001"/>
              <a:gd name="connsiteX21" fmla="*/ 5604809 w 12191999"/>
              <a:gd name="connsiteY21" fmla="*/ 1298331 h 4953001"/>
              <a:gd name="connsiteX22" fmla="*/ 7183460 w 12191999"/>
              <a:gd name="connsiteY22" fmla="*/ 1610411 h 4953001"/>
              <a:gd name="connsiteX23" fmla="*/ 7225764 w 12191999"/>
              <a:gd name="connsiteY23" fmla="*/ 1630884 h 4953001"/>
              <a:gd name="connsiteX24" fmla="*/ 7283786 w 12191999"/>
              <a:gd name="connsiteY24" fmla="*/ 1512535 h 4953001"/>
              <a:gd name="connsiteX25" fmla="*/ 10340355 w 12191999"/>
              <a:gd name="connsiteY25" fmla="*/ 0 h 495300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</a:cxnLst>
            <a:rect l="l" t="t" r="r" b="b"/>
            <a:pathLst>
              <a:path w="12191999" h="4953001">
                <a:moveTo>
                  <a:pt x="10340355" y="0"/>
                </a:moveTo>
                <a:cubicBezTo>
                  <a:pt x="10912877" y="0"/>
                  <a:pt x="11451524" y="108278"/>
                  <a:pt x="11921557" y="298901"/>
                </a:cubicBezTo>
                <a:lnTo>
                  <a:pt x="12191999" y="421557"/>
                </a:lnTo>
                <a:lnTo>
                  <a:pt x="12191999" y="2262552"/>
                </a:lnTo>
                <a:lnTo>
                  <a:pt x="12191999" y="4531443"/>
                </a:lnTo>
                <a:lnTo>
                  <a:pt x="12191999" y="4952999"/>
                </a:lnTo>
                <a:lnTo>
                  <a:pt x="10340399" y="4952999"/>
                </a:lnTo>
                <a:lnTo>
                  <a:pt x="10340355" y="4953000"/>
                </a:lnTo>
                <a:lnTo>
                  <a:pt x="10340328" y="4952999"/>
                </a:lnTo>
                <a:lnTo>
                  <a:pt x="5604870" y="4952999"/>
                </a:lnTo>
                <a:lnTo>
                  <a:pt x="5604809" y="4953001"/>
                </a:lnTo>
                <a:lnTo>
                  <a:pt x="5604748" y="4952999"/>
                </a:lnTo>
                <a:lnTo>
                  <a:pt x="0" y="4952999"/>
                </a:lnTo>
                <a:lnTo>
                  <a:pt x="0" y="4151859"/>
                </a:lnTo>
                <a:lnTo>
                  <a:pt x="0" y="3009899"/>
                </a:lnTo>
                <a:lnTo>
                  <a:pt x="0" y="2773550"/>
                </a:lnTo>
                <a:lnTo>
                  <a:pt x="73056" y="2693371"/>
                </a:lnTo>
                <a:cubicBezTo>
                  <a:pt x="443926" y="2327354"/>
                  <a:pt x="1071989" y="2086708"/>
                  <a:pt x="1784350" y="2086708"/>
                </a:cubicBezTo>
                <a:cubicBezTo>
                  <a:pt x="2229576" y="2086708"/>
                  <a:pt x="2641872" y="2180711"/>
                  <a:pt x="2979029" y="2340572"/>
                </a:cubicBezTo>
                <a:lnTo>
                  <a:pt x="3035542" y="2370916"/>
                </a:lnTo>
                <a:lnTo>
                  <a:pt x="3122083" y="2254650"/>
                </a:lnTo>
                <a:cubicBezTo>
                  <a:pt x="3600214" y="1685023"/>
                  <a:pt x="4532735" y="1298331"/>
                  <a:pt x="5604809" y="1298331"/>
                </a:cubicBezTo>
                <a:cubicBezTo>
                  <a:pt x="6189577" y="1298331"/>
                  <a:pt x="6732825" y="1413380"/>
                  <a:pt x="7183460" y="1610411"/>
                </a:cubicBezTo>
                <a:lnTo>
                  <a:pt x="7225764" y="1630884"/>
                </a:lnTo>
                <a:lnTo>
                  <a:pt x="7283786" y="1512535"/>
                </a:lnTo>
                <a:cubicBezTo>
                  <a:pt x="7787372" y="623681"/>
                  <a:pt x="8966303" y="0"/>
                  <a:pt x="10340355" y="0"/>
                </a:cubicBezTo>
                <a:close/>
              </a:path>
            </a:pathLst>
          </a:custGeom>
          <a:solidFill>
            <a:schemeClr val="bg1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Rectangle 57">
            <a:extLst>
              <a:ext uri="{FF2B5EF4-FFF2-40B4-BE49-F238E27FC236}">
                <a16:creationId xmlns:a16="http://schemas.microsoft.com/office/drawing/2014/main" id="{190EAD17-E922-4B02-970A-DD0A5470EBB5}"/>
              </a:ext>
            </a:extLst>
          </p:cNvPr>
          <p:cNvSpPr/>
          <p:nvPr userDrawn="1"/>
        </p:nvSpPr>
        <p:spPr>
          <a:xfrm>
            <a:off x="3243634" y="-2408"/>
            <a:ext cx="5702565" cy="342900"/>
          </a:xfrm>
          <a:custGeom>
            <a:avLst/>
            <a:gdLst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2860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6416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6416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8448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6924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5908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5908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5908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5908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17178 w 3081338"/>
              <a:gd name="connsiteY2" fmla="*/ 33274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17178 w 3081338"/>
              <a:gd name="connsiteY2" fmla="*/ 33274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07018 w 3081338"/>
              <a:gd name="connsiteY2" fmla="*/ 33274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07018 w 3081338"/>
              <a:gd name="connsiteY2" fmla="*/ 34290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07018 w 3081338"/>
              <a:gd name="connsiteY2" fmla="*/ 34290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081338" h="342900">
                <a:moveTo>
                  <a:pt x="0" y="0"/>
                </a:moveTo>
                <a:lnTo>
                  <a:pt x="3081338" y="0"/>
                </a:lnTo>
                <a:lnTo>
                  <a:pt x="2807018" y="342900"/>
                </a:lnTo>
                <a:lnTo>
                  <a:pt x="279400" y="342900"/>
                </a:lnTo>
                <a:lnTo>
                  <a:pt x="0" y="0"/>
                </a:lnTo>
                <a:close/>
              </a:path>
            </a:pathLst>
          </a:custGeom>
          <a:gradFill flip="none" rotWithShape="1">
            <a:gsLst>
              <a:gs pos="15000">
                <a:srgbClr val="0070C0"/>
              </a:gs>
              <a:gs pos="51000">
                <a:srgbClr val="00B0F0"/>
              </a:gs>
              <a:gs pos="87000">
                <a:srgbClr val="0070C0"/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5BED6958-9403-4F12-A429-0254D6268D99}"/>
              </a:ext>
            </a:extLst>
          </p:cNvPr>
          <p:cNvGrpSpPr/>
          <p:nvPr userDrawn="1"/>
        </p:nvGrpSpPr>
        <p:grpSpPr>
          <a:xfrm>
            <a:off x="0" y="-36431"/>
            <a:ext cx="12200792" cy="6894431"/>
            <a:chOff x="-8792" y="-27055"/>
            <a:chExt cx="12200792" cy="6894431"/>
          </a:xfrm>
        </p:grpSpPr>
        <p:sp>
          <p:nvSpPr>
            <p:cNvPr id="16" name="Rectangle 15">
              <a:extLst>
                <a:ext uri="{FF2B5EF4-FFF2-40B4-BE49-F238E27FC236}">
                  <a16:creationId xmlns:a16="http://schemas.microsoft.com/office/drawing/2014/main" id="{4FFCFCAD-B020-43FF-BA14-CB2FC68EA972}"/>
                </a:ext>
              </a:extLst>
            </p:cNvPr>
            <p:cNvSpPr/>
            <p:nvPr/>
          </p:nvSpPr>
          <p:spPr>
            <a:xfrm>
              <a:off x="-2166" y="-2408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 16">
              <a:extLst>
                <a:ext uri="{FF2B5EF4-FFF2-40B4-BE49-F238E27FC236}">
                  <a16:creationId xmlns:a16="http://schemas.microsoft.com/office/drawing/2014/main" id="{586181B8-BF50-4E6C-8649-A276B3A98517}"/>
                </a:ext>
              </a:extLst>
            </p:cNvPr>
            <p:cNvSpPr/>
            <p:nvPr/>
          </p:nvSpPr>
          <p:spPr>
            <a:xfrm>
              <a:off x="11846497" y="-2409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 17">
              <a:extLst>
                <a:ext uri="{FF2B5EF4-FFF2-40B4-BE49-F238E27FC236}">
                  <a16:creationId xmlns:a16="http://schemas.microsoft.com/office/drawing/2014/main" id="{EBBC873C-68DC-4F0A-BB10-985381B406F5}"/>
                </a:ext>
              </a:extLst>
            </p:cNvPr>
            <p:cNvSpPr/>
            <p:nvPr/>
          </p:nvSpPr>
          <p:spPr>
            <a:xfrm>
              <a:off x="-2166" y="-2408"/>
              <a:ext cx="12194165" cy="203200"/>
            </a:xfrm>
            <a:prstGeom prst="rect">
              <a:avLst/>
            </a:prstGeom>
            <a:solidFill>
              <a:srgbClr val="0070C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19" name="Group 18">
              <a:extLst>
                <a:ext uri="{FF2B5EF4-FFF2-40B4-BE49-F238E27FC236}">
                  <a16:creationId xmlns:a16="http://schemas.microsoft.com/office/drawing/2014/main" id="{180B4246-9BBC-439B-ABDF-CEA3C6373B78}"/>
                </a:ext>
              </a:extLst>
            </p:cNvPr>
            <p:cNvGrpSpPr/>
            <p:nvPr/>
          </p:nvGrpSpPr>
          <p:grpSpPr>
            <a:xfrm>
              <a:off x="-8792" y="6376639"/>
              <a:ext cx="12200792" cy="490737"/>
              <a:chOff x="-6625" y="6379047"/>
              <a:chExt cx="12198626" cy="490737"/>
            </a:xfrm>
          </p:grpSpPr>
          <p:sp>
            <p:nvSpPr>
              <p:cNvPr id="25" name="Rectangle 24">
                <a:extLst>
                  <a:ext uri="{FF2B5EF4-FFF2-40B4-BE49-F238E27FC236}">
                    <a16:creationId xmlns:a16="http://schemas.microsoft.com/office/drawing/2014/main" id="{9609A0B0-1757-4EB9-B8EA-33D4A70EE5FC}"/>
                  </a:ext>
                </a:extLst>
              </p:cNvPr>
              <p:cNvSpPr/>
              <p:nvPr/>
            </p:nvSpPr>
            <p:spPr>
              <a:xfrm>
                <a:off x="4624755" y="6612255"/>
                <a:ext cx="1063869" cy="245521"/>
              </a:xfrm>
              <a:prstGeom prst="rect">
                <a:avLst/>
              </a:prstGeom>
              <a:solidFill>
                <a:srgbClr val="FFA424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6" name="Rectangle 40">
                <a:extLst>
                  <a:ext uri="{FF2B5EF4-FFF2-40B4-BE49-F238E27FC236}">
                    <a16:creationId xmlns:a16="http://schemas.microsoft.com/office/drawing/2014/main" id="{16684EBC-9575-451D-A8FA-30800FB406CA}"/>
                  </a:ext>
                </a:extLst>
              </p:cNvPr>
              <p:cNvSpPr/>
              <p:nvPr/>
            </p:nvSpPr>
            <p:spPr>
              <a:xfrm>
                <a:off x="5065381" y="6622909"/>
                <a:ext cx="7126620" cy="246875"/>
              </a:xfrm>
              <a:custGeom>
                <a:avLst/>
                <a:gdLst>
                  <a:gd name="connsiteX0" fmla="*/ 0 w 7048500"/>
                  <a:gd name="connsiteY0" fmla="*/ 0 h 219807"/>
                  <a:gd name="connsiteX1" fmla="*/ 7048500 w 7048500"/>
                  <a:gd name="connsiteY1" fmla="*/ 0 h 219807"/>
                  <a:gd name="connsiteX2" fmla="*/ 7048500 w 7048500"/>
                  <a:gd name="connsiteY2" fmla="*/ 219807 h 219807"/>
                  <a:gd name="connsiteX3" fmla="*/ 0 w 7048500"/>
                  <a:gd name="connsiteY3" fmla="*/ 219807 h 219807"/>
                  <a:gd name="connsiteX4" fmla="*/ 0 w 7048500"/>
                  <a:gd name="connsiteY4" fmla="*/ 0 h 219807"/>
                  <a:gd name="connsiteX0" fmla="*/ 334107 w 7382607"/>
                  <a:gd name="connsiteY0" fmla="*/ 0 h 219807"/>
                  <a:gd name="connsiteX1" fmla="*/ 7382607 w 7382607"/>
                  <a:gd name="connsiteY1" fmla="*/ 0 h 219807"/>
                  <a:gd name="connsiteX2" fmla="*/ 7382607 w 7382607"/>
                  <a:gd name="connsiteY2" fmla="*/ 219807 h 219807"/>
                  <a:gd name="connsiteX3" fmla="*/ 0 w 7382607"/>
                  <a:gd name="connsiteY3" fmla="*/ 219807 h 219807"/>
                  <a:gd name="connsiteX4" fmla="*/ 334107 w 7382607"/>
                  <a:gd name="connsiteY4" fmla="*/ 0 h 21980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382607" h="219807">
                    <a:moveTo>
                      <a:pt x="334107" y="0"/>
                    </a:moveTo>
                    <a:lnTo>
                      <a:pt x="7382607" y="0"/>
                    </a:lnTo>
                    <a:lnTo>
                      <a:pt x="7382607" y="219807"/>
                    </a:lnTo>
                    <a:lnTo>
                      <a:pt x="0" y="219807"/>
                    </a:lnTo>
                    <a:lnTo>
                      <a:pt x="334107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7" name="Freeform 15">
                <a:extLst>
                  <a:ext uri="{FF2B5EF4-FFF2-40B4-BE49-F238E27FC236}">
                    <a16:creationId xmlns:a16="http://schemas.microsoft.com/office/drawing/2014/main" id="{F950DB7F-F45E-42F3-B4CF-04CD3B230EC7}"/>
                  </a:ext>
                </a:extLst>
              </p:cNvPr>
              <p:cNvSpPr/>
              <p:nvPr/>
            </p:nvSpPr>
            <p:spPr>
              <a:xfrm>
                <a:off x="785938" y="6411997"/>
                <a:ext cx="14304" cy="4763"/>
              </a:xfrm>
              <a:custGeom>
                <a:avLst/>
                <a:gdLst>
                  <a:gd name="connsiteX0" fmla="*/ 14304 w 14304"/>
                  <a:gd name="connsiteY0" fmla="*/ 0 h 4763"/>
                  <a:gd name="connsiteX1" fmla="*/ 5971 w 14304"/>
                  <a:gd name="connsiteY1" fmla="*/ 4763 h 4763"/>
                  <a:gd name="connsiteX2" fmla="*/ 0 w 14304"/>
                  <a:gd name="connsiteY2" fmla="*/ 4763 h 4763"/>
                  <a:gd name="connsiteX3" fmla="*/ 14304 w 14304"/>
                  <a:gd name="connsiteY3" fmla="*/ 0 h 4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04" h="4763">
                    <a:moveTo>
                      <a:pt x="14304" y="0"/>
                    </a:moveTo>
                    <a:lnTo>
                      <a:pt x="5971" y="4763"/>
                    </a:lnTo>
                    <a:lnTo>
                      <a:pt x="0" y="4763"/>
                    </a:lnTo>
                    <a:lnTo>
                      <a:pt x="14304" y="0"/>
                    </a:lnTo>
                    <a:close/>
                  </a:path>
                </a:pathLst>
              </a:custGeom>
              <a:solidFill>
                <a:srgbClr val="F7A11A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8" name="Rectangle 5">
                <a:extLst>
                  <a:ext uri="{FF2B5EF4-FFF2-40B4-BE49-F238E27FC236}">
                    <a16:creationId xmlns:a16="http://schemas.microsoft.com/office/drawing/2014/main" id="{61446400-D1AB-4127-B571-BDC9FBDB6F24}"/>
                  </a:ext>
                </a:extLst>
              </p:cNvPr>
              <p:cNvSpPr/>
              <p:nvPr/>
            </p:nvSpPr>
            <p:spPr>
              <a:xfrm>
                <a:off x="1" y="6412644"/>
                <a:ext cx="5104894" cy="447764"/>
              </a:xfrm>
              <a:custGeom>
                <a:avLst/>
                <a:gdLst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4553528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5024582" h="397164">
                    <a:moveTo>
                      <a:pt x="0" y="0"/>
                    </a:moveTo>
                    <a:lnTo>
                      <a:pt x="4553528" y="0"/>
                    </a:lnTo>
                    <a:lnTo>
                      <a:pt x="5024582" y="397164"/>
                    </a:lnTo>
                    <a:lnTo>
                      <a:pt x="0" y="397164"/>
                    </a:lnTo>
                    <a:lnTo>
                      <a:pt x="0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9" name="Freeform 17">
                <a:extLst>
                  <a:ext uri="{FF2B5EF4-FFF2-40B4-BE49-F238E27FC236}">
                    <a16:creationId xmlns:a16="http://schemas.microsoft.com/office/drawing/2014/main" id="{16496476-1433-4E9A-87BC-0E9051436BBF}"/>
                  </a:ext>
                </a:extLst>
              </p:cNvPr>
              <p:cNvSpPr/>
              <p:nvPr/>
            </p:nvSpPr>
            <p:spPr>
              <a:xfrm>
                <a:off x="0" y="6410640"/>
                <a:ext cx="2950459" cy="447360"/>
              </a:xfrm>
              <a:custGeom>
                <a:avLst/>
                <a:gdLst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794327 w 2953014"/>
                  <a:gd name="connsiteY3" fmla="*/ 9146 h 424783"/>
                  <a:gd name="connsiteX4" fmla="*/ 2953014 w 2953014"/>
                  <a:gd name="connsiteY4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49088 w 2953014"/>
                  <a:gd name="connsiteY3" fmla="*/ 340149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 w 2953014"/>
                  <a:gd name="connsiteY3" fmla="*/ 300393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48098 w 2948098"/>
                  <a:gd name="connsiteY0" fmla="*/ 0 h 419962"/>
                  <a:gd name="connsiteX1" fmla="*/ 2140545 w 2948098"/>
                  <a:gd name="connsiteY1" fmla="*/ 419962 h 419962"/>
                  <a:gd name="connsiteX2" fmla="*/ 0 w 2948098"/>
                  <a:gd name="connsiteY2" fmla="*/ 419962 h 419962"/>
                  <a:gd name="connsiteX3" fmla="*/ 1 w 2948098"/>
                  <a:gd name="connsiteY3" fmla="*/ 295572 h 419962"/>
                  <a:gd name="connsiteX4" fmla="*/ 794327 w 2948098"/>
                  <a:gd name="connsiteY4" fmla="*/ 4325 h 419962"/>
                  <a:gd name="connsiteX5" fmla="*/ 2948098 w 2948098"/>
                  <a:gd name="connsiteY5" fmla="*/ 0 h 419962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33656 w 2948098"/>
                  <a:gd name="connsiteY4" fmla="*/ 0 h 420458"/>
                  <a:gd name="connsiteX5" fmla="*/ 2948098 w 2948098"/>
                  <a:gd name="connsiteY5" fmla="*/ 496 h 420458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13992 w 2948098"/>
                  <a:gd name="connsiteY4" fmla="*/ 0 h 420458"/>
                  <a:gd name="connsiteX5" fmla="*/ 2948098 w 2948098"/>
                  <a:gd name="connsiteY5" fmla="*/ 496 h 420458"/>
                  <a:gd name="connsiteX0" fmla="*/ 2945543 w 2945543"/>
                  <a:gd name="connsiteY0" fmla="*/ 0 h 422445"/>
                  <a:gd name="connsiteX1" fmla="*/ 2140545 w 2945543"/>
                  <a:gd name="connsiteY1" fmla="*/ 422445 h 422445"/>
                  <a:gd name="connsiteX2" fmla="*/ 0 w 2945543"/>
                  <a:gd name="connsiteY2" fmla="*/ 422445 h 422445"/>
                  <a:gd name="connsiteX3" fmla="*/ 1 w 2945543"/>
                  <a:gd name="connsiteY3" fmla="*/ 298055 h 422445"/>
                  <a:gd name="connsiteX4" fmla="*/ 813992 w 2945543"/>
                  <a:gd name="connsiteY4" fmla="*/ 1987 h 422445"/>
                  <a:gd name="connsiteX5" fmla="*/ 2945543 w 2945543"/>
                  <a:gd name="connsiteY5" fmla="*/ 0 h 42244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</a:cxnLst>
                <a:rect l="l" t="t" r="r" b="b"/>
                <a:pathLst>
                  <a:path w="2945543" h="422445">
                    <a:moveTo>
                      <a:pt x="2945543" y="0"/>
                    </a:moveTo>
                    <a:lnTo>
                      <a:pt x="2140545" y="422445"/>
                    </a:lnTo>
                    <a:lnTo>
                      <a:pt x="0" y="422445"/>
                    </a:lnTo>
                    <a:cubicBezTo>
                      <a:pt x="0" y="380982"/>
                      <a:pt x="1" y="339518"/>
                      <a:pt x="1" y="298055"/>
                    </a:cubicBezTo>
                    <a:lnTo>
                      <a:pt x="813992" y="1987"/>
                    </a:lnTo>
                    <a:lnTo>
                      <a:pt x="2945543" y="0"/>
                    </a:lnTo>
                    <a:close/>
                  </a:path>
                </a:pathLst>
              </a:custGeom>
              <a:solidFill>
                <a:srgbClr val="C00000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30" name="Rectangle 39">
                <a:extLst>
                  <a:ext uri="{FF2B5EF4-FFF2-40B4-BE49-F238E27FC236}">
                    <a16:creationId xmlns:a16="http://schemas.microsoft.com/office/drawing/2014/main" id="{A70C9BEF-0D00-4E5D-9186-26360AB8A52F}"/>
                  </a:ext>
                </a:extLst>
              </p:cNvPr>
              <p:cNvSpPr/>
              <p:nvPr/>
            </p:nvSpPr>
            <p:spPr>
              <a:xfrm>
                <a:off x="-6625" y="6412230"/>
                <a:ext cx="2143539" cy="445770"/>
              </a:xfrm>
              <a:custGeom>
                <a:avLst/>
                <a:gdLst>
                  <a:gd name="connsiteX0" fmla="*/ 0 w 563217"/>
                  <a:gd name="connsiteY0" fmla="*/ 0 h 407504"/>
                  <a:gd name="connsiteX1" fmla="*/ 563217 w 563217"/>
                  <a:gd name="connsiteY1" fmla="*/ 0 h 407504"/>
                  <a:gd name="connsiteX2" fmla="*/ 563217 w 563217"/>
                  <a:gd name="connsiteY2" fmla="*/ 407504 h 407504"/>
                  <a:gd name="connsiteX3" fmla="*/ 0 w 563217"/>
                  <a:gd name="connsiteY3" fmla="*/ 407504 h 407504"/>
                  <a:gd name="connsiteX4" fmla="*/ 0 w 563217"/>
                  <a:gd name="connsiteY4" fmla="*/ 0 h 407504"/>
                  <a:gd name="connsiteX0" fmla="*/ 0 w 563217"/>
                  <a:gd name="connsiteY0" fmla="*/ 0 h 407504"/>
                  <a:gd name="connsiteX1" fmla="*/ 563217 w 563217"/>
                  <a:gd name="connsiteY1" fmla="*/ 407504 h 407504"/>
                  <a:gd name="connsiteX2" fmla="*/ 0 w 563217"/>
                  <a:gd name="connsiteY2" fmla="*/ 407504 h 407504"/>
                  <a:gd name="connsiteX3" fmla="*/ 0 w 563217"/>
                  <a:gd name="connsiteY3" fmla="*/ 0 h 407504"/>
                  <a:gd name="connsiteX0" fmla="*/ 0 w 1328530"/>
                  <a:gd name="connsiteY0" fmla="*/ 0 h 414130"/>
                  <a:gd name="connsiteX1" fmla="*/ 1328530 w 1328530"/>
                  <a:gd name="connsiteY1" fmla="*/ 414130 h 414130"/>
                  <a:gd name="connsiteX2" fmla="*/ 0 w 1328530"/>
                  <a:gd name="connsiteY2" fmla="*/ 407504 h 414130"/>
                  <a:gd name="connsiteX3" fmla="*/ 0 w 1328530"/>
                  <a:gd name="connsiteY3" fmla="*/ 0 h 414130"/>
                  <a:gd name="connsiteX0" fmla="*/ 0 w 1328530"/>
                  <a:gd name="connsiteY0" fmla="*/ 0 h 417443"/>
                  <a:gd name="connsiteX1" fmla="*/ 1328530 w 1328530"/>
                  <a:gd name="connsiteY1" fmla="*/ 417443 h 417443"/>
                  <a:gd name="connsiteX2" fmla="*/ 0 w 1328530"/>
                  <a:gd name="connsiteY2" fmla="*/ 407504 h 417443"/>
                  <a:gd name="connsiteX3" fmla="*/ 0 w 1328530"/>
                  <a:gd name="connsiteY3" fmla="*/ 0 h 417443"/>
                  <a:gd name="connsiteX0" fmla="*/ 808383 w 2136913"/>
                  <a:gd name="connsiteY0" fmla="*/ 0 h 427383"/>
                  <a:gd name="connsiteX1" fmla="*/ 2136913 w 2136913"/>
                  <a:gd name="connsiteY1" fmla="*/ 417443 h 427383"/>
                  <a:gd name="connsiteX2" fmla="*/ 0 w 2136913"/>
                  <a:gd name="connsiteY2" fmla="*/ 427383 h 427383"/>
                  <a:gd name="connsiteX3" fmla="*/ 808383 w 2136913"/>
                  <a:gd name="connsiteY3" fmla="*/ 0 h 427383"/>
                  <a:gd name="connsiteX0" fmla="*/ 808383 w 2143539"/>
                  <a:gd name="connsiteY0" fmla="*/ 0 h 427383"/>
                  <a:gd name="connsiteX1" fmla="*/ 2143539 w 2143539"/>
                  <a:gd name="connsiteY1" fmla="*/ 424069 h 427383"/>
                  <a:gd name="connsiteX2" fmla="*/ 0 w 2143539"/>
                  <a:gd name="connsiteY2" fmla="*/ 427383 h 427383"/>
                  <a:gd name="connsiteX3" fmla="*/ 808383 w 2143539"/>
                  <a:gd name="connsiteY3" fmla="*/ 0 h 427383"/>
                  <a:gd name="connsiteX0" fmla="*/ 808383 w 2143539"/>
                  <a:gd name="connsiteY0" fmla="*/ 0 h 427383"/>
                  <a:gd name="connsiteX1" fmla="*/ 1116496 w 2143539"/>
                  <a:gd name="connsiteY1" fmla="*/ 92765 h 427383"/>
                  <a:gd name="connsiteX2" fmla="*/ 2143539 w 2143539"/>
                  <a:gd name="connsiteY2" fmla="*/ 424069 h 427383"/>
                  <a:gd name="connsiteX3" fmla="*/ 0 w 2143539"/>
                  <a:gd name="connsiteY3" fmla="*/ 427383 h 427383"/>
                  <a:gd name="connsiteX4" fmla="*/ 808383 w 2143539"/>
                  <a:gd name="connsiteY4" fmla="*/ 0 h 427383"/>
                  <a:gd name="connsiteX0" fmla="*/ 808383 w 2143539"/>
                  <a:gd name="connsiteY0" fmla="*/ 6626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08383 w 2143539"/>
                  <a:gd name="connsiteY4" fmla="*/ 6626 h 434009"/>
                  <a:gd name="connsiteX0" fmla="*/ 831574 w 2143539"/>
                  <a:gd name="connsiteY0" fmla="*/ 0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31574 w 2143539"/>
                  <a:gd name="connsiteY4" fmla="*/ 0 h 434009"/>
                  <a:gd name="connsiteX0" fmla="*/ 841513 w 2143539"/>
                  <a:gd name="connsiteY0" fmla="*/ 3313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41513 w 2143539"/>
                  <a:gd name="connsiteY4" fmla="*/ 3313 h 43400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143539" h="434009">
                    <a:moveTo>
                      <a:pt x="841513" y="3313"/>
                    </a:moveTo>
                    <a:lnTo>
                      <a:pt x="1143001" y="0"/>
                    </a:lnTo>
                    <a:lnTo>
                      <a:pt x="2143539" y="430695"/>
                    </a:lnTo>
                    <a:lnTo>
                      <a:pt x="0" y="434009"/>
                    </a:lnTo>
                    <a:lnTo>
                      <a:pt x="841513" y="3313"/>
                    </a:lnTo>
                    <a:close/>
                  </a:path>
                </a:pathLst>
              </a:custGeom>
              <a:solidFill>
                <a:srgbClr val="F66616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31" name="Picture 30">
                <a:extLst>
                  <a:ext uri="{FF2B5EF4-FFF2-40B4-BE49-F238E27FC236}">
                    <a16:creationId xmlns:a16="http://schemas.microsoft.com/office/drawing/2014/main" id="{13579BC4-E7C6-4810-9DFD-6B28464ED49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314057" y="6455075"/>
                <a:ext cx="356122" cy="358491"/>
              </a:xfrm>
              <a:prstGeom prst="rect">
                <a:avLst/>
              </a:prstGeom>
            </p:spPr>
          </p:pic>
          <p:pic>
            <p:nvPicPr>
              <p:cNvPr id="32" name="Picture 31">
                <a:extLst>
                  <a:ext uri="{FF2B5EF4-FFF2-40B4-BE49-F238E27FC236}">
                    <a16:creationId xmlns:a16="http://schemas.microsoft.com/office/drawing/2014/main" id="{40F4AC5E-1987-4133-A39E-60812E4114F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740541" y="6454925"/>
                <a:ext cx="358790" cy="358790"/>
              </a:xfrm>
              <a:prstGeom prst="rect">
                <a:avLst/>
              </a:prstGeom>
            </p:spPr>
          </p:pic>
          <p:pic>
            <p:nvPicPr>
              <p:cNvPr id="33" name="Picture 32">
                <a:extLst>
                  <a:ext uri="{FF2B5EF4-FFF2-40B4-BE49-F238E27FC236}">
                    <a16:creationId xmlns:a16="http://schemas.microsoft.com/office/drawing/2014/main" id="{2A827347-8037-42B6-A3AF-BE3B7E22802D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841310" y="6442676"/>
                <a:ext cx="383288" cy="383288"/>
              </a:xfrm>
              <a:prstGeom prst="rect">
                <a:avLst/>
              </a:prstGeom>
            </p:spPr>
          </p:pic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E02AF9BC-E3A8-4724-B213-4C5DFA491156}"/>
                  </a:ext>
                </a:extLst>
              </p:cNvPr>
              <p:cNvSpPr txBox="1"/>
              <p:nvPr/>
            </p:nvSpPr>
            <p:spPr>
              <a:xfrm>
                <a:off x="2103154" y="6379047"/>
                <a:ext cx="272273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id-ID" sz="2400" dirty="0">
                    <a:solidFill>
                      <a:schemeClr val="bg1"/>
                    </a:solidFill>
                    <a:latin typeface="Bahnschrift SemiBold Condensed" panose="020B0502040204020203" pitchFamily="34" charset="0"/>
                    <a:ea typeface="Arial Unicode MS" panose="020B0604020202020204" pitchFamily="34" charset="-128"/>
                    <a:cs typeface="Arial Unicode MS" panose="020B0604020202020204" pitchFamily="34" charset="-128"/>
                  </a:rPr>
                  <a:t>Hamdan Husein Batubara</a:t>
                </a:r>
                <a:endParaRPr lang="en-US" sz="2400" dirty="0">
                  <a:solidFill>
                    <a:schemeClr val="bg1"/>
                  </a:solidFill>
                  <a:latin typeface="Bahnschrift SemiBold Condensed" panose="020B0502040204020203" pitchFamily="34" charset="0"/>
                  <a:ea typeface="Arial Unicode MS" panose="020B0604020202020204" pitchFamily="34" charset="-128"/>
                  <a:cs typeface="Arial Unicode MS" panose="020B0604020202020204" pitchFamily="34" charset="-128"/>
                </a:endParaRPr>
              </a:p>
            </p:txBody>
          </p:sp>
        </p:grpSp>
        <p:sp>
          <p:nvSpPr>
            <p:cNvPr id="20" name="Rectangle 1">
              <a:extLst>
                <a:ext uri="{FF2B5EF4-FFF2-40B4-BE49-F238E27FC236}">
                  <a16:creationId xmlns:a16="http://schemas.microsoft.com/office/drawing/2014/main" id="{598307F9-5DC5-4132-9FCF-2669B8381DB0}"/>
                </a:ext>
              </a:extLst>
            </p:cNvPr>
            <p:cNvSpPr/>
            <p:nvPr/>
          </p:nvSpPr>
          <p:spPr>
            <a:xfrm>
              <a:off x="11527104" y="6351096"/>
              <a:ext cx="664895" cy="50449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 1">
              <a:extLst>
                <a:ext uri="{FF2B5EF4-FFF2-40B4-BE49-F238E27FC236}">
                  <a16:creationId xmlns:a16="http://schemas.microsoft.com/office/drawing/2014/main" id="{3120667D-AF24-4992-986B-3B8D38BD2ECE}"/>
                </a:ext>
              </a:extLst>
            </p:cNvPr>
            <p:cNvSpPr/>
            <p:nvPr/>
          </p:nvSpPr>
          <p:spPr>
            <a:xfrm rot="16200000">
              <a:off x="11607318" y="77688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 1">
              <a:extLst>
                <a:ext uri="{FF2B5EF4-FFF2-40B4-BE49-F238E27FC236}">
                  <a16:creationId xmlns:a16="http://schemas.microsoft.com/office/drawing/2014/main" id="{AB6A2ABA-CD03-452E-8D98-905E18CD6B5F}"/>
                </a:ext>
              </a:extLst>
            </p:cNvPr>
            <p:cNvSpPr/>
            <p:nvPr/>
          </p:nvSpPr>
          <p:spPr>
            <a:xfrm rot="5400000" flipH="1">
              <a:off x="-82262" y="77687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" name="Rectangle 30">
              <a:extLst>
                <a:ext uri="{FF2B5EF4-FFF2-40B4-BE49-F238E27FC236}">
                  <a16:creationId xmlns:a16="http://schemas.microsoft.com/office/drawing/2014/main" id="{95F1EB26-E37E-4075-AA81-C4B6CDDCAE03}"/>
                </a:ext>
              </a:extLst>
            </p:cNvPr>
            <p:cNvSpPr/>
            <p:nvPr/>
          </p:nvSpPr>
          <p:spPr>
            <a:xfrm>
              <a:off x="3230764" y="-56"/>
              <a:ext cx="5721173" cy="346895"/>
            </a:xfrm>
            <a:custGeom>
              <a:avLst/>
              <a:gdLst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5044966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55465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14133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745320 w 5044966"/>
                <a:gd name="connsiteY2" fmla="*/ 340628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553550 w 5044966"/>
                <a:gd name="connsiteY2" fmla="*/ 284882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669621 w 5044966"/>
                <a:gd name="connsiteY2" fmla="*/ 351776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130758"/>
                <a:gd name="connsiteY0" fmla="*/ 5574 h 358769"/>
                <a:gd name="connsiteX1" fmla="*/ 5130758 w 5130758"/>
                <a:gd name="connsiteY1" fmla="*/ 0 h 358769"/>
                <a:gd name="connsiteX2" fmla="*/ 4669621 w 5130758"/>
                <a:gd name="connsiteY2" fmla="*/ 357350 h 358769"/>
                <a:gd name="connsiteX3" fmla="*/ 314133 w 5130758"/>
                <a:gd name="connsiteY3" fmla="*/ 358769 h 358769"/>
                <a:gd name="connsiteX4" fmla="*/ 0 w 5130758"/>
                <a:gd name="connsiteY4" fmla="*/ 5574 h 358769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465532 w 5130758"/>
                <a:gd name="connsiteY3" fmla="*/ 342045 h 357350"/>
                <a:gd name="connsiteX4" fmla="*/ 0 w 5130758"/>
                <a:gd name="connsiteY4" fmla="*/ 5574 h 357350"/>
                <a:gd name="connsiteX0" fmla="*/ 0 w 5130758"/>
                <a:gd name="connsiteY0" fmla="*/ 5574 h 364343"/>
                <a:gd name="connsiteX1" fmla="*/ 5130758 w 5130758"/>
                <a:gd name="connsiteY1" fmla="*/ 0 h 364343"/>
                <a:gd name="connsiteX2" fmla="*/ 4669621 w 5130758"/>
                <a:gd name="connsiteY2" fmla="*/ 357350 h 364343"/>
                <a:gd name="connsiteX3" fmla="*/ 314134 w 5130758"/>
                <a:gd name="connsiteY3" fmla="*/ 364343 h 364343"/>
                <a:gd name="connsiteX4" fmla="*/ 0 w 5130758"/>
                <a:gd name="connsiteY4" fmla="*/ 5574 h 364343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59554 w 5130758"/>
                <a:gd name="connsiteY3" fmla="*/ 286298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34321 w 5130758"/>
                <a:gd name="connsiteY3" fmla="*/ 336470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29274 w 5130758"/>
                <a:gd name="connsiteY3" fmla="*/ 353194 h 357350"/>
                <a:gd name="connsiteX4" fmla="*/ 0 w 5130758"/>
                <a:gd name="connsiteY4" fmla="*/ 5574 h 357350"/>
                <a:gd name="connsiteX0" fmla="*/ 0 w 5231690"/>
                <a:gd name="connsiteY0" fmla="*/ 27873 h 357350"/>
                <a:gd name="connsiteX1" fmla="*/ 5231690 w 5231690"/>
                <a:gd name="connsiteY1" fmla="*/ 0 h 357350"/>
                <a:gd name="connsiteX2" fmla="*/ 4770553 w 5231690"/>
                <a:gd name="connsiteY2" fmla="*/ 357350 h 357350"/>
                <a:gd name="connsiteX3" fmla="*/ 430206 w 5231690"/>
                <a:gd name="connsiteY3" fmla="*/ 353194 h 357350"/>
                <a:gd name="connsiteX4" fmla="*/ 0 w 5231690"/>
                <a:gd name="connsiteY4" fmla="*/ 27873 h 357350"/>
                <a:gd name="connsiteX0" fmla="*/ 0 w 5221597"/>
                <a:gd name="connsiteY0" fmla="*/ 22298 h 357350"/>
                <a:gd name="connsiteX1" fmla="*/ 5221597 w 5221597"/>
                <a:gd name="connsiteY1" fmla="*/ 0 h 357350"/>
                <a:gd name="connsiteX2" fmla="*/ 4760460 w 5221597"/>
                <a:gd name="connsiteY2" fmla="*/ 357350 h 357350"/>
                <a:gd name="connsiteX3" fmla="*/ 420113 w 5221597"/>
                <a:gd name="connsiteY3" fmla="*/ 353194 h 357350"/>
                <a:gd name="connsiteX4" fmla="*/ 0 w 5221597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80647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65508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64540"/>
                <a:gd name="connsiteY0" fmla="*/ 0 h 360601"/>
                <a:gd name="connsiteX1" fmla="*/ 5264540 w 5264540"/>
                <a:gd name="connsiteY1" fmla="*/ 3251 h 360601"/>
                <a:gd name="connsiteX2" fmla="*/ 4788264 w 5264540"/>
                <a:gd name="connsiteY2" fmla="*/ 360601 h 360601"/>
                <a:gd name="connsiteX3" fmla="*/ 463056 w 5264540"/>
                <a:gd name="connsiteY3" fmla="*/ 356445 h 360601"/>
                <a:gd name="connsiteX4" fmla="*/ 0 w 5264540"/>
                <a:gd name="connsiteY4" fmla="*/ 0 h 360601"/>
                <a:gd name="connsiteX0" fmla="*/ 0 w 5264540"/>
                <a:gd name="connsiteY0" fmla="*/ 3136 h 357350"/>
                <a:gd name="connsiteX1" fmla="*/ 5264540 w 5264540"/>
                <a:gd name="connsiteY1" fmla="*/ 0 h 357350"/>
                <a:gd name="connsiteX2" fmla="*/ 4788264 w 5264540"/>
                <a:gd name="connsiteY2" fmla="*/ 357350 h 357350"/>
                <a:gd name="connsiteX3" fmla="*/ 463056 w 5264540"/>
                <a:gd name="connsiteY3" fmla="*/ 353194 h 357350"/>
                <a:gd name="connsiteX4" fmla="*/ 0 w 5264540"/>
                <a:gd name="connsiteY4" fmla="*/ 3136 h 357350"/>
                <a:gd name="connsiteX0" fmla="*/ 0 w 5244628"/>
                <a:gd name="connsiteY0" fmla="*/ 3136 h 357350"/>
                <a:gd name="connsiteX1" fmla="*/ 5244628 w 5244628"/>
                <a:gd name="connsiteY1" fmla="*/ 0 h 357350"/>
                <a:gd name="connsiteX2" fmla="*/ 4768352 w 5244628"/>
                <a:gd name="connsiteY2" fmla="*/ 357350 h 357350"/>
                <a:gd name="connsiteX3" fmla="*/ 443144 w 5244628"/>
                <a:gd name="connsiteY3" fmla="*/ 353194 h 357350"/>
                <a:gd name="connsiteX4" fmla="*/ 0 w 5244628"/>
                <a:gd name="connsiteY4" fmla="*/ 3136 h 357350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774041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809005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250317" h="357408">
                  <a:moveTo>
                    <a:pt x="0" y="0"/>
                  </a:moveTo>
                  <a:lnTo>
                    <a:pt x="5250317" y="58"/>
                  </a:lnTo>
                  <a:lnTo>
                    <a:pt x="4809005" y="357408"/>
                  </a:lnTo>
                  <a:lnTo>
                    <a:pt x="448833" y="353252"/>
                  </a:lnTo>
                  <a:lnTo>
                    <a:pt x="0" y="0"/>
                  </a:lnTo>
                  <a:close/>
                </a:path>
              </a:pathLst>
            </a:custGeom>
            <a:gradFill flip="none" rotWithShape="1">
              <a:gsLst>
                <a:gs pos="0">
                  <a:srgbClr val="005392"/>
                </a:gs>
                <a:gs pos="31000">
                  <a:srgbClr val="0070C0"/>
                </a:gs>
                <a:gs pos="46104">
                  <a:srgbClr val="0171C0"/>
                </a:gs>
                <a:gs pos="63000">
                  <a:srgbClr val="0674C3"/>
                </a:gs>
                <a:gs pos="100000">
                  <a:srgbClr val="005392"/>
                </a:gs>
              </a:gsLst>
              <a:path path="circle">
                <a:fillToRect l="100000" b="100000"/>
              </a:path>
              <a:tileRect t="-100000" r="-100000"/>
            </a:gra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  <p:sp>
          <p:nvSpPr>
            <p:cNvPr id="24" name="TextBox 23">
              <a:extLst>
                <a:ext uri="{FF2B5EF4-FFF2-40B4-BE49-F238E27FC236}">
                  <a16:creationId xmlns:a16="http://schemas.microsoft.com/office/drawing/2014/main" id="{4342478D-F61A-44DB-8A11-6EA31CD8BBC9}"/>
                </a:ext>
              </a:extLst>
            </p:cNvPr>
            <p:cNvSpPr txBox="1"/>
            <p:nvPr/>
          </p:nvSpPr>
          <p:spPr>
            <a:xfrm>
              <a:off x="3594093" y="-27055"/>
              <a:ext cx="4958362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endParaRPr lang="en-US" sz="2000" dirty="0">
                <a:solidFill>
                  <a:schemeClr val="bg1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endParaRPr>
            </a:p>
          </p:txBody>
        </p:sp>
      </p:grpSp>
      <p:sp>
        <p:nvSpPr>
          <p:cNvPr id="36" name="Picture Placeholder 35">
            <a:extLst>
              <a:ext uri="{FF2B5EF4-FFF2-40B4-BE49-F238E27FC236}">
                <a16:creationId xmlns:a16="http://schemas.microsoft.com/office/drawing/2014/main" id="{983F656D-4840-48F3-9BC5-0DBC8D6B584E}"/>
              </a:ext>
            </a:extLst>
          </p:cNvPr>
          <p:cNvSpPr>
            <a:spLocks noGrp="1"/>
          </p:cNvSpPr>
          <p:nvPr>
            <p:ph type="pic" sz="quarter" idx="10" hasCustomPrompt="1"/>
          </p:nvPr>
        </p:nvSpPr>
        <p:spPr>
          <a:xfrm>
            <a:off x="431401" y="296280"/>
            <a:ext cx="4261898" cy="4592961"/>
          </a:xfrm>
        </p:spPr>
        <p:txBody>
          <a:bodyPr anchor="ctr"/>
          <a:lstStyle>
            <a:lvl1pPr marL="101600" indent="0" algn="ctr">
              <a:buNone/>
              <a:defRPr/>
            </a:lvl1pPr>
          </a:lstStyle>
          <a:p>
            <a:r>
              <a:rPr lang="id-ID" dirty="0"/>
              <a:t>Ilustrasi Judul</a:t>
            </a:r>
          </a:p>
        </p:txBody>
      </p:sp>
      <p:sp>
        <p:nvSpPr>
          <p:cNvPr id="38" name="Text Placeholder 37">
            <a:extLst>
              <a:ext uri="{FF2B5EF4-FFF2-40B4-BE49-F238E27FC236}">
                <a16:creationId xmlns:a16="http://schemas.microsoft.com/office/drawing/2014/main" id="{7E19254E-CB93-4F1D-BEE1-0FFB31E7E1C7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4945063" y="755650"/>
            <a:ext cx="6662737" cy="2882900"/>
          </a:xfrm>
        </p:spPr>
        <p:txBody>
          <a:bodyPr anchor="ctr"/>
          <a:lstStyle>
            <a:lvl1pPr marL="101600" indent="0">
              <a:buNone/>
              <a:defRPr sz="5400"/>
            </a:lvl1pPr>
          </a:lstStyle>
          <a:p>
            <a:pPr lvl="0"/>
            <a:r>
              <a:rPr lang="id-ID" dirty="0"/>
              <a:t>Judul Presentasi</a:t>
            </a:r>
          </a:p>
        </p:txBody>
      </p:sp>
      <p:sp>
        <p:nvSpPr>
          <p:cNvPr id="40" name="Text Placeholder 39">
            <a:extLst>
              <a:ext uri="{FF2B5EF4-FFF2-40B4-BE49-F238E27FC236}">
                <a16:creationId xmlns:a16="http://schemas.microsoft.com/office/drawing/2014/main" id="{73A2F14A-F6C3-41FD-873E-E2F8CE5C6C53}"/>
              </a:ext>
            </a:extLst>
          </p:cNvPr>
          <p:cNvSpPr>
            <a:spLocks noGrp="1"/>
          </p:cNvSpPr>
          <p:nvPr>
            <p:ph type="body" sz="quarter" idx="12" hasCustomPrompt="1"/>
          </p:nvPr>
        </p:nvSpPr>
        <p:spPr>
          <a:xfrm>
            <a:off x="3517641" y="5206255"/>
            <a:ext cx="8015773" cy="1138237"/>
          </a:xfrm>
        </p:spPr>
        <p:txBody>
          <a:bodyPr anchor="ctr"/>
          <a:lstStyle>
            <a:lvl1pPr marL="101600" indent="0">
              <a:buNone/>
              <a:defRPr sz="3200"/>
            </a:lvl1pPr>
          </a:lstStyle>
          <a:p>
            <a:pPr lvl="0"/>
            <a:r>
              <a:rPr lang="id-ID" dirty="0"/>
              <a:t>Deskripsi Judul</a:t>
            </a:r>
          </a:p>
        </p:txBody>
      </p:sp>
      <p:sp>
        <p:nvSpPr>
          <p:cNvPr id="42" name="Picture Placeholder 41">
            <a:extLst>
              <a:ext uri="{FF2B5EF4-FFF2-40B4-BE49-F238E27FC236}">
                <a16:creationId xmlns:a16="http://schemas.microsoft.com/office/drawing/2014/main" id="{38C9740F-2E6E-4E3D-9293-B99025748F60}"/>
              </a:ext>
            </a:extLst>
          </p:cNvPr>
          <p:cNvSpPr>
            <a:spLocks noGrp="1"/>
          </p:cNvSpPr>
          <p:nvPr>
            <p:ph type="pic" sz="quarter" idx="13" hasCustomPrompt="1"/>
          </p:nvPr>
        </p:nvSpPr>
        <p:spPr>
          <a:xfrm>
            <a:off x="615367" y="5476909"/>
            <a:ext cx="616274" cy="783933"/>
          </a:xfrm>
        </p:spPr>
        <p:txBody>
          <a:bodyPr/>
          <a:lstStyle>
            <a:lvl1pPr marL="101600" indent="0">
              <a:buNone/>
              <a:defRPr sz="1000"/>
            </a:lvl1pPr>
          </a:lstStyle>
          <a:p>
            <a:r>
              <a:rPr lang="id-ID" dirty="0"/>
              <a:t>Picture</a:t>
            </a:r>
          </a:p>
        </p:txBody>
      </p:sp>
      <p:sp>
        <p:nvSpPr>
          <p:cNvPr id="43" name="Picture Placeholder 41">
            <a:extLst>
              <a:ext uri="{FF2B5EF4-FFF2-40B4-BE49-F238E27FC236}">
                <a16:creationId xmlns:a16="http://schemas.microsoft.com/office/drawing/2014/main" id="{7170E024-5C3A-4AC4-87DC-D34B8DED00FD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1476894" y="5489350"/>
            <a:ext cx="616274" cy="783933"/>
          </a:xfrm>
        </p:spPr>
        <p:txBody>
          <a:bodyPr/>
          <a:lstStyle>
            <a:lvl1pPr marL="101600" indent="0">
              <a:buNone/>
              <a:defRPr sz="1000"/>
            </a:lvl1pPr>
          </a:lstStyle>
          <a:p>
            <a:endParaRPr lang="id-ID" dirty="0"/>
          </a:p>
        </p:txBody>
      </p:sp>
      <p:sp>
        <p:nvSpPr>
          <p:cNvPr id="44" name="Picture Placeholder 41">
            <a:extLst>
              <a:ext uri="{FF2B5EF4-FFF2-40B4-BE49-F238E27FC236}">
                <a16:creationId xmlns:a16="http://schemas.microsoft.com/office/drawing/2014/main" id="{7B15D14F-F9C3-48ED-A7C6-F045DCAC9FD5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2338421" y="5501791"/>
            <a:ext cx="616274" cy="783933"/>
          </a:xfrm>
        </p:spPr>
        <p:txBody>
          <a:bodyPr/>
          <a:lstStyle>
            <a:lvl1pPr marL="101600" indent="0">
              <a:buNone/>
              <a:defRPr sz="1000"/>
            </a:lvl1pPr>
          </a:lstStyle>
          <a:p>
            <a:endParaRPr lang="id-ID" dirty="0"/>
          </a:p>
        </p:txBody>
      </p:sp>
    </p:spTree>
    <p:extLst>
      <p:ext uri="{BB962C8B-B14F-4D97-AF65-F5344CB8AC3E}">
        <p14:creationId xmlns:p14="http://schemas.microsoft.com/office/powerpoint/2010/main" val="28469708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>
        <p:fade/>
      </p:transition>
    </mc:Choice>
    <mc:Fallback xmlns="" xmlns:mv="urn:schemas-microsoft-com:mac:vml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5="http://schemas.microsoft.com/office/powerpoint/2012/main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" dur="3000" fill="hold"/>
                                        <p:tgtEl>
                                          <p:spTgt spid="6"/>
                                        </p:tgtEl>
                                      </p:cBhvr>
                                      <p:by x="150000" y="150000"/>
                                    </p:animScale>
                                  </p:childTnLst>
                                </p:cTn>
                              </p:par>
                              <p:par>
                                <p:cTn id="7" presetID="2" presetClass="entr" presetSubtype="4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9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0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</p:bld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los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8" name="Picture 27">
            <a:extLst>
              <a:ext uri="{FF2B5EF4-FFF2-40B4-BE49-F238E27FC236}">
                <a16:creationId xmlns:a16="http://schemas.microsoft.com/office/drawing/2014/main" id="{540CA30E-6936-4C7D-AF91-D7A1C655FCD3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saturation sat="300000"/>
                    </a14:imgEffect>
                    <a14:imgEffect>
                      <a14:brightnessContrast contrast="2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  <a:ext uri="{837473B0-CC2E-450A-ABE3-18F120FF3D39}">
                <a1611:picAttrSrcUrl xmlns:a1611="http://schemas.microsoft.com/office/drawing/2016/11/main" r:id="rId4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7" name="Freeform: Shape 26">
            <a:extLst>
              <a:ext uri="{FF2B5EF4-FFF2-40B4-BE49-F238E27FC236}">
                <a16:creationId xmlns:a16="http://schemas.microsoft.com/office/drawing/2014/main" id="{70D2CB70-02B9-484B-9E64-90FF26F91361}"/>
              </a:ext>
            </a:extLst>
          </p:cNvPr>
          <p:cNvSpPr/>
          <p:nvPr userDrawn="1"/>
        </p:nvSpPr>
        <p:spPr>
          <a:xfrm>
            <a:off x="1283407" y="2397981"/>
            <a:ext cx="9626038" cy="4482210"/>
          </a:xfrm>
          <a:custGeom>
            <a:avLst/>
            <a:gdLst>
              <a:gd name="connsiteX0" fmla="*/ 1034908 w 9626038"/>
              <a:gd name="connsiteY0" fmla="*/ 0 h 4482210"/>
              <a:gd name="connsiteX1" fmla="*/ 8591130 w 9626038"/>
              <a:gd name="connsiteY1" fmla="*/ 0 h 4482210"/>
              <a:gd name="connsiteX2" fmla="*/ 9626038 w 9626038"/>
              <a:gd name="connsiteY2" fmla="*/ 1034908 h 4482210"/>
              <a:gd name="connsiteX3" fmla="*/ 9626038 w 9626038"/>
              <a:gd name="connsiteY3" fmla="*/ 2689406 h 4482210"/>
              <a:gd name="connsiteX4" fmla="*/ 9626038 w 9626038"/>
              <a:gd name="connsiteY4" fmla="*/ 2828562 h 4482210"/>
              <a:gd name="connsiteX5" fmla="*/ 9626038 w 9626038"/>
              <a:gd name="connsiteY5" fmla="*/ 4482210 h 4482210"/>
              <a:gd name="connsiteX6" fmla="*/ 0 w 9626038"/>
              <a:gd name="connsiteY6" fmla="*/ 4482210 h 4482210"/>
              <a:gd name="connsiteX7" fmla="*/ 0 w 9626038"/>
              <a:gd name="connsiteY7" fmla="*/ 2828562 h 4482210"/>
              <a:gd name="connsiteX8" fmla="*/ 0 w 9626038"/>
              <a:gd name="connsiteY8" fmla="*/ 2689406 h 4482210"/>
              <a:gd name="connsiteX9" fmla="*/ 0 w 9626038"/>
              <a:gd name="connsiteY9" fmla="*/ 1034908 h 4482210"/>
              <a:gd name="connsiteX10" fmla="*/ 1034908 w 9626038"/>
              <a:gd name="connsiteY10" fmla="*/ 0 h 448221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</a:cxnLst>
            <a:rect l="l" t="t" r="r" b="b"/>
            <a:pathLst>
              <a:path w="9626038" h="4482210">
                <a:moveTo>
                  <a:pt x="1034908" y="0"/>
                </a:moveTo>
                <a:lnTo>
                  <a:pt x="8591130" y="0"/>
                </a:lnTo>
                <a:cubicBezTo>
                  <a:pt x="9162694" y="0"/>
                  <a:pt x="9626038" y="463344"/>
                  <a:pt x="9626038" y="1034908"/>
                </a:cubicBezTo>
                <a:lnTo>
                  <a:pt x="9626038" y="2689406"/>
                </a:lnTo>
                <a:lnTo>
                  <a:pt x="9626038" y="2828562"/>
                </a:lnTo>
                <a:lnTo>
                  <a:pt x="9626038" y="4482210"/>
                </a:lnTo>
                <a:lnTo>
                  <a:pt x="0" y="4482210"/>
                </a:lnTo>
                <a:lnTo>
                  <a:pt x="0" y="2828562"/>
                </a:lnTo>
                <a:lnTo>
                  <a:pt x="0" y="2689406"/>
                </a:lnTo>
                <a:lnTo>
                  <a:pt x="0" y="1034908"/>
                </a:lnTo>
                <a:cubicBezTo>
                  <a:pt x="0" y="463344"/>
                  <a:pt x="463344" y="0"/>
                  <a:pt x="1034908" y="0"/>
                </a:cubicBezTo>
                <a:close/>
              </a:path>
            </a:pathLst>
          </a:custGeom>
          <a:solidFill>
            <a:srgbClr val="005392"/>
          </a:solidFill>
          <a:ln>
            <a:noFill/>
          </a:ln>
          <a:effectLst>
            <a:outerShdw blurRad="44450" dist="27940" dir="5400000" algn="ctr">
              <a:srgbClr val="000000">
                <a:alpha val="3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sp>
        <p:nvSpPr>
          <p:cNvPr id="8" name="Text Placeholder 33">
            <a:extLst>
              <a:ext uri="{FF2B5EF4-FFF2-40B4-BE49-F238E27FC236}">
                <a16:creationId xmlns:a16="http://schemas.microsoft.com/office/drawing/2014/main" id="{24FD370E-C68B-4063-BBD6-7ADA3FAC94FD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2496456" y="3745561"/>
            <a:ext cx="7199088" cy="799941"/>
          </a:xfrm>
        </p:spPr>
        <p:txBody>
          <a:bodyPr anchor="b">
            <a:noAutofit/>
          </a:bodyPr>
          <a:lstStyle>
            <a:lvl1pPr marL="0" indent="0" algn="ctr">
              <a:lnSpc>
                <a:spcPct val="70000"/>
              </a:lnSpc>
              <a:buNone/>
              <a:defRPr sz="4400" b="1">
                <a:solidFill>
                  <a:schemeClr val="bg1"/>
                </a:solidFill>
                <a:latin typeface="Comfortaa" panose="00000500000000000000" pitchFamily="2" charset="0"/>
              </a:defRPr>
            </a:lvl1pPr>
          </a:lstStyle>
          <a:p>
            <a:pPr lvl="0"/>
            <a:r>
              <a:rPr lang="id-ID" dirty="0"/>
              <a:t>Nama Lengkap</a:t>
            </a:r>
            <a:endParaRPr lang="en-ID" dirty="0"/>
          </a:p>
        </p:txBody>
      </p:sp>
      <p:sp>
        <p:nvSpPr>
          <p:cNvPr id="9" name="Text Placeholder 46">
            <a:extLst>
              <a:ext uri="{FF2B5EF4-FFF2-40B4-BE49-F238E27FC236}">
                <a16:creationId xmlns:a16="http://schemas.microsoft.com/office/drawing/2014/main" id="{10C96767-A6C3-4450-96D0-15FDB468450D}"/>
              </a:ext>
            </a:extLst>
          </p:cNvPr>
          <p:cNvSpPr>
            <a:spLocks noGrp="1"/>
          </p:cNvSpPr>
          <p:nvPr>
            <p:ph type="body" sz="quarter" idx="14" hasCustomPrompt="1"/>
          </p:nvPr>
        </p:nvSpPr>
        <p:spPr>
          <a:xfrm>
            <a:off x="2323375" y="4545502"/>
            <a:ext cx="7545250" cy="317658"/>
          </a:xfrm>
        </p:spPr>
        <p:txBody>
          <a:bodyPr anchor="t">
            <a:normAutofit/>
          </a:bodyPr>
          <a:lstStyle>
            <a:lvl1pPr marL="0" indent="0" algn="ctr" rtl="0">
              <a:lnSpc>
                <a:spcPct val="50000"/>
              </a:lnSpc>
              <a:buFont typeface="Arial" panose="020B0604020202020204" pitchFamily="34" charset="0"/>
              <a:buNone/>
              <a:defRPr sz="2000" spc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 lvl="0"/>
            <a:r>
              <a:rPr lang="id-ID" dirty="0"/>
              <a:t>Nama Organisasi</a:t>
            </a:r>
            <a:endParaRPr lang="en-ID" dirty="0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BB9B062E-A532-44EC-96F4-9E4F74C27F00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2288459" y="5197500"/>
            <a:ext cx="692866" cy="692866"/>
          </a:xfrm>
        </p:spPr>
        <p:txBody>
          <a:bodyPr>
            <a:normAutofit/>
          </a:bodyPr>
          <a:lstStyle>
            <a:lvl1pPr>
              <a:defRPr sz="600">
                <a:solidFill>
                  <a:schemeClr val="bg1"/>
                </a:solidFill>
              </a:defRPr>
            </a:lvl1pPr>
          </a:lstStyle>
          <a:p>
            <a:endParaRPr lang="en-ID"/>
          </a:p>
        </p:txBody>
      </p:sp>
      <p:sp>
        <p:nvSpPr>
          <p:cNvPr id="7" name="Text Placeholder 46">
            <a:extLst>
              <a:ext uri="{FF2B5EF4-FFF2-40B4-BE49-F238E27FC236}">
                <a16:creationId xmlns:a16="http://schemas.microsoft.com/office/drawing/2014/main" id="{59BF1241-7878-47D5-AE7F-4A9E44AD4611}"/>
              </a:ext>
            </a:extLst>
          </p:cNvPr>
          <p:cNvSpPr>
            <a:spLocks noGrp="1"/>
          </p:cNvSpPr>
          <p:nvPr>
            <p:ph type="body" sz="quarter" idx="16" hasCustomPrompt="1"/>
          </p:nvPr>
        </p:nvSpPr>
        <p:spPr>
          <a:xfrm>
            <a:off x="1263292" y="6076764"/>
            <a:ext cx="2743200" cy="317658"/>
          </a:xfrm>
        </p:spPr>
        <p:txBody>
          <a:bodyPr anchor="t">
            <a:normAutofit/>
          </a:bodyPr>
          <a:lstStyle>
            <a:lvl1pPr marL="0" indent="0" algn="ctr">
              <a:lnSpc>
                <a:spcPct val="50000"/>
              </a:lnSpc>
              <a:buFont typeface="Arial" panose="020B0604020202020204" pitchFamily="34" charset="0"/>
              <a:buNone/>
              <a:defRPr sz="1800" spc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 lvl="0"/>
            <a:r>
              <a:rPr lang="en-US" dirty="0"/>
              <a:t>Title</a:t>
            </a:r>
            <a:endParaRPr lang="en-ID" dirty="0"/>
          </a:p>
        </p:txBody>
      </p:sp>
      <p:sp>
        <p:nvSpPr>
          <p:cNvPr id="10" name="Picture Placeholder 2">
            <a:extLst>
              <a:ext uri="{FF2B5EF4-FFF2-40B4-BE49-F238E27FC236}">
                <a16:creationId xmlns:a16="http://schemas.microsoft.com/office/drawing/2014/main" id="{7848ADA6-78F9-4DD8-9C5E-63C07295D43F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5749567" y="5197500"/>
            <a:ext cx="692866" cy="692866"/>
          </a:xfrm>
        </p:spPr>
        <p:txBody>
          <a:bodyPr>
            <a:normAutofit/>
          </a:bodyPr>
          <a:lstStyle>
            <a:lvl1pPr>
              <a:defRPr sz="600">
                <a:solidFill>
                  <a:schemeClr val="bg1"/>
                </a:solidFill>
              </a:defRPr>
            </a:lvl1pPr>
          </a:lstStyle>
          <a:p>
            <a:endParaRPr lang="en-ID"/>
          </a:p>
        </p:txBody>
      </p:sp>
      <p:sp>
        <p:nvSpPr>
          <p:cNvPr id="11" name="Text Placeholder 46">
            <a:extLst>
              <a:ext uri="{FF2B5EF4-FFF2-40B4-BE49-F238E27FC236}">
                <a16:creationId xmlns:a16="http://schemas.microsoft.com/office/drawing/2014/main" id="{2B2C0E3F-D625-4B6D-809C-FBACB46A50C7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4724400" y="6076764"/>
            <a:ext cx="2743200" cy="317658"/>
          </a:xfrm>
        </p:spPr>
        <p:txBody>
          <a:bodyPr anchor="t">
            <a:normAutofit/>
          </a:bodyPr>
          <a:lstStyle>
            <a:lvl1pPr marL="0" indent="0" algn="ctr">
              <a:lnSpc>
                <a:spcPct val="50000"/>
              </a:lnSpc>
              <a:buFont typeface="Arial" panose="020B0604020202020204" pitchFamily="34" charset="0"/>
              <a:buNone/>
              <a:defRPr sz="1800" spc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 lvl="0"/>
            <a:r>
              <a:rPr lang="en-US" dirty="0"/>
              <a:t>Title</a:t>
            </a:r>
            <a:endParaRPr lang="en-ID" dirty="0"/>
          </a:p>
        </p:txBody>
      </p:sp>
      <p:sp>
        <p:nvSpPr>
          <p:cNvPr id="12" name="Picture Placeholder 2">
            <a:extLst>
              <a:ext uri="{FF2B5EF4-FFF2-40B4-BE49-F238E27FC236}">
                <a16:creationId xmlns:a16="http://schemas.microsoft.com/office/drawing/2014/main" id="{A12D1114-D36C-46D8-AF65-23DFAEDF1DB5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9210675" y="5197500"/>
            <a:ext cx="692866" cy="692866"/>
          </a:xfrm>
        </p:spPr>
        <p:txBody>
          <a:bodyPr>
            <a:normAutofit/>
          </a:bodyPr>
          <a:lstStyle>
            <a:lvl1pPr>
              <a:defRPr sz="600">
                <a:solidFill>
                  <a:schemeClr val="bg1"/>
                </a:solidFill>
              </a:defRPr>
            </a:lvl1pPr>
          </a:lstStyle>
          <a:p>
            <a:endParaRPr lang="en-ID"/>
          </a:p>
        </p:txBody>
      </p:sp>
      <p:sp>
        <p:nvSpPr>
          <p:cNvPr id="13" name="Text Placeholder 46">
            <a:extLst>
              <a:ext uri="{FF2B5EF4-FFF2-40B4-BE49-F238E27FC236}">
                <a16:creationId xmlns:a16="http://schemas.microsoft.com/office/drawing/2014/main" id="{2595DCE3-054C-4838-8E5E-4FB6BCCEC198}"/>
              </a:ext>
            </a:extLst>
          </p:cNvPr>
          <p:cNvSpPr>
            <a:spLocks noGrp="1"/>
          </p:cNvSpPr>
          <p:nvPr>
            <p:ph type="body" sz="quarter" idx="20" hasCustomPrompt="1"/>
          </p:nvPr>
        </p:nvSpPr>
        <p:spPr>
          <a:xfrm>
            <a:off x="8185508" y="6076764"/>
            <a:ext cx="2743200" cy="317658"/>
          </a:xfrm>
        </p:spPr>
        <p:txBody>
          <a:bodyPr anchor="t">
            <a:normAutofit/>
          </a:bodyPr>
          <a:lstStyle>
            <a:lvl1pPr marL="0" indent="0" algn="ctr">
              <a:lnSpc>
                <a:spcPct val="50000"/>
              </a:lnSpc>
              <a:buFont typeface="Arial" panose="020B0604020202020204" pitchFamily="34" charset="0"/>
              <a:buNone/>
              <a:defRPr sz="1800" spc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 lvl="0"/>
            <a:r>
              <a:rPr lang="en-US" dirty="0"/>
              <a:t>Title</a:t>
            </a:r>
            <a:endParaRPr lang="en-ID" dirty="0"/>
          </a:p>
        </p:txBody>
      </p:sp>
      <p:sp>
        <p:nvSpPr>
          <p:cNvPr id="16" name="Oval 15">
            <a:extLst>
              <a:ext uri="{FF2B5EF4-FFF2-40B4-BE49-F238E27FC236}">
                <a16:creationId xmlns:a16="http://schemas.microsoft.com/office/drawing/2014/main" id="{EE64B015-AE9E-4339-818A-942B89627FD0}"/>
              </a:ext>
            </a:extLst>
          </p:cNvPr>
          <p:cNvSpPr/>
          <p:nvPr userDrawn="1"/>
        </p:nvSpPr>
        <p:spPr>
          <a:xfrm>
            <a:off x="4913014" y="966318"/>
            <a:ext cx="2360336" cy="2360336"/>
          </a:xfrm>
          <a:prstGeom prst="ellipse">
            <a:avLst/>
          </a:prstGeom>
          <a:solidFill>
            <a:schemeClr val="bg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17" name="Picture Placeholder 11">
            <a:extLst>
              <a:ext uri="{FF2B5EF4-FFF2-40B4-BE49-F238E27FC236}">
                <a16:creationId xmlns:a16="http://schemas.microsoft.com/office/drawing/2014/main" id="{2EA573AF-0E84-4680-B638-4E6B7DF4AEE0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054035" y="1107339"/>
            <a:ext cx="2078294" cy="2078294"/>
          </a:xfrm>
          <a:custGeom>
            <a:avLst/>
            <a:gdLst>
              <a:gd name="connsiteX0" fmla="*/ 2517648 w 5035296"/>
              <a:gd name="connsiteY0" fmla="*/ 0 h 5035296"/>
              <a:gd name="connsiteX1" fmla="*/ 5035296 w 5035296"/>
              <a:gd name="connsiteY1" fmla="*/ 2517648 h 5035296"/>
              <a:gd name="connsiteX2" fmla="*/ 2517648 w 5035296"/>
              <a:gd name="connsiteY2" fmla="*/ 5035296 h 5035296"/>
              <a:gd name="connsiteX3" fmla="*/ 0 w 5035296"/>
              <a:gd name="connsiteY3" fmla="*/ 2517648 h 5035296"/>
              <a:gd name="connsiteX4" fmla="*/ 2517648 w 5035296"/>
              <a:gd name="connsiteY4" fmla="*/ 0 h 50352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5035296" h="5035296">
                <a:moveTo>
                  <a:pt x="2517648" y="0"/>
                </a:moveTo>
                <a:cubicBezTo>
                  <a:pt x="3908107" y="0"/>
                  <a:pt x="5035296" y="1127189"/>
                  <a:pt x="5035296" y="2517648"/>
                </a:cubicBezTo>
                <a:cubicBezTo>
                  <a:pt x="5035296" y="3908107"/>
                  <a:pt x="3908107" y="5035296"/>
                  <a:pt x="2517648" y="5035296"/>
                </a:cubicBezTo>
                <a:cubicBezTo>
                  <a:pt x="1127189" y="5035296"/>
                  <a:pt x="0" y="3908107"/>
                  <a:pt x="0" y="2517648"/>
                </a:cubicBezTo>
                <a:cubicBezTo>
                  <a:pt x="0" y="1127189"/>
                  <a:pt x="1127189" y="0"/>
                  <a:pt x="2517648" y="0"/>
                </a:cubicBezTo>
                <a:close/>
              </a:path>
            </a:pathLst>
          </a:custGeom>
          <a:solidFill>
            <a:schemeClr val="tx2">
              <a:lumMod val="50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/>
            </a:lvl1pPr>
          </a:lstStyle>
          <a:p>
            <a:endParaRPr lang="en-ID" dirty="0"/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72AE4E2D-61A5-4530-8A8C-15597E1F4808}"/>
              </a:ext>
            </a:extLst>
          </p:cNvPr>
          <p:cNvGrpSpPr/>
          <p:nvPr userDrawn="1"/>
        </p:nvGrpSpPr>
        <p:grpSpPr>
          <a:xfrm>
            <a:off x="4910618" y="963922"/>
            <a:ext cx="2365128" cy="2365128"/>
            <a:chOff x="3230880" y="563880"/>
            <a:chExt cx="5730240" cy="5730240"/>
          </a:xfrm>
        </p:grpSpPr>
        <p:sp>
          <p:nvSpPr>
            <p:cNvPr id="19" name="Arc 18">
              <a:extLst>
                <a:ext uri="{FF2B5EF4-FFF2-40B4-BE49-F238E27FC236}">
                  <a16:creationId xmlns:a16="http://schemas.microsoft.com/office/drawing/2014/main" id="{4B1F962C-27B9-4D39-9DB6-540DCC273973}"/>
                </a:ext>
              </a:extLst>
            </p:cNvPr>
            <p:cNvSpPr/>
            <p:nvPr userDrawn="1"/>
          </p:nvSpPr>
          <p:spPr>
            <a:xfrm>
              <a:off x="3230880" y="563880"/>
              <a:ext cx="5730240" cy="5730240"/>
            </a:xfrm>
            <a:prstGeom prst="arc">
              <a:avLst>
                <a:gd name="adj1" fmla="val 10833613"/>
                <a:gd name="adj2" fmla="val 16214691"/>
              </a:avLst>
            </a:prstGeom>
            <a:ln w="342900" cap="rnd">
              <a:solidFill>
                <a:schemeClr val="tx2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20" name="Arc 19">
              <a:extLst>
                <a:ext uri="{FF2B5EF4-FFF2-40B4-BE49-F238E27FC236}">
                  <a16:creationId xmlns:a16="http://schemas.microsoft.com/office/drawing/2014/main" id="{C039DE00-0308-4190-8D7A-246D4DC74D7E}"/>
                </a:ext>
              </a:extLst>
            </p:cNvPr>
            <p:cNvSpPr/>
            <p:nvPr userDrawn="1"/>
          </p:nvSpPr>
          <p:spPr>
            <a:xfrm rot="10800000">
              <a:off x="3230880" y="563880"/>
              <a:ext cx="5730240" cy="5730240"/>
            </a:xfrm>
            <a:prstGeom prst="arc">
              <a:avLst>
                <a:gd name="adj1" fmla="val 10833613"/>
                <a:gd name="adj2" fmla="val 16214691"/>
              </a:avLst>
            </a:prstGeom>
            <a:ln w="342900" cap="rnd">
              <a:solidFill>
                <a:schemeClr val="tx2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D376096C-2324-4DBF-B5C4-020D0C4D3349}"/>
              </a:ext>
            </a:extLst>
          </p:cNvPr>
          <p:cNvGrpSpPr/>
          <p:nvPr userDrawn="1"/>
        </p:nvGrpSpPr>
        <p:grpSpPr>
          <a:xfrm>
            <a:off x="4910618" y="963923"/>
            <a:ext cx="2365128" cy="2365128"/>
            <a:chOff x="3230880" y="563881"/>
            <a:chExt cx="5730240" cy="5730240"/>
          </a:xfrm>
        </p:grpSpPr>
        <p:sp>
          <p:nvSpPr>
            <p:cNvPr id="22" name="Arc 21">
              <a:extLst>
                <a:ext uri="{FF2B5EF4-FFF2-40B4-BE49-F238E27FC236}">
                  <a16:creationId xmlns:a16="http://schemas.microsoft.com/office/drawing/2014/main" id="{2B840E61-5E18-4289-A9F1-DC05D3A8D8AB}"/>
                </a:ext>
              </a:extLst>
            </p:cNvPr>
            <p:cNvSpPr/>
            <p:nvPr userDrawn="1"/>
          </p:nvSpPr>
          <p:spPr>
            <a:xfrm rot="5400000">
              <a:off x="3230880" y="563881"/>
              <a:ext cx="5730240" cy="5730240"/>
            </a:xfrm>
            <a:prstGeom prst="arc">
              <a:avLst>
                <a:gd name="adj1" fmla="val 13867833"/>
                <a:gd name="adj2" fmla="val 16214691"/>
              </a:avLst>
            </a:prstGeom>
            <a:ln w="50800" cap="rnd">
              <a:solidFill>
                <a:schemeClr val="tx2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23" name="Arc 22">
              <a:extLst>
                <a:ext uri="{FF2B5EF4-FFF2-40B4-BE49-F238E27FC236}">
                  <a16:creationId xmlns:a16="http://schemas.microsoft.com/office/drawing/2014/main" id="{1F2735C0-D061-4ED4-9574-4557AAFE19E3}"/>
                </a:ext>
              </a:extLst>
            </p:cNvPr>
            <p:cNvSpPr/>
            <p:nvPr userDrawn="1"/>
          </p:nvSpPr>
          <p:spPr>
            <a:xfrm rot="16200000">
              <a:off x="3230880" y="563881"/>
              <a:ext cx="5730240" cy="5730240"/>
            </a:xfrm>
            <a:prstGeom prst="arc">
              <a:avLst>
                <a:gd name="adj1" fmla="val 13867833"/>
                <a:gd name="adj2" fmla="val 16214691"/>
              </a:avLst>
            </a:prstGeom>
            <a:ln w="50800" cap="rnd">
              <a:solidFill>
                <a:schemeClr val="tx2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1A195FED-B9E0-4BE6-A441-F04EA821B287}"/>
              </a:ext>
            </a:extLst>
          </p:cNvPr>
          <p:cNvGrpSpPr/>
          <p:nvPr userDrawn="1"/>
        </p:nvGrpSpPr>
        <p:grpSpPr>
          <a:xfrm>
            <a:off x="5133947" y="1345088"/>
            <a:ext cx="1918470" cy="1564696"/>
            <a:chOff x="3743451" y="1514475"/>
            <a:chExt cx="4648074" cy="3790950"/>
          </a:xfrm>
        </p:grpSpPr>
        <p:sp>
          <p:nvSpPr>
            <p:cNvPr id="25" name="Oval 24">
              <a:extLst>
                <a:ext uri="{FF2B5EF4-FFF2-40B4-BE49-F238E27FC236}">
                  <a16:creationId xmlns:a16="http://schemas.microsoft.com/office/drawing/2014/main" id="{FF5E72BC-EAF2-4188-99C3-AE27AE83BA30}"/>
                </a:ext>
              </a:extLst>
            </p:cNvPr>
            <p:cNvSpPr/>
            <p:nvPr userDrawn="1"/>
          </p:nvSpPr>
          <p:spPr>
            <a:xfrm>
              <a:off x="8201025" y="1514475"/>
              <a:ext cx="190500" cy="190500"/>
            </a:xfrm>
            <a:prstGeom prst="ellipse">
              <a:avLst/>
            </a:prstGeom>
            <a:solidFill>
              <a:schemeClr val="tx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26" name="Oval 25">
              <a:extLst>
                <a:ext uri="{FF2B5EF4-FFF2-40B4-BE49-F238E27FC236}">
                  <a16:creationId xmlns:a16="http://schemas.microsoft.com/office/drawing/2014/main" id="{D502A510-CADB-42EA-A774-F6FAB3C5EF72}"/>
                </a:ext>
              </a:extLst>
            </p:cNvPr>
            <p:cNvSpPr/>
            <p:nvPr userDrawn="1"/>
          </p:nvSpPr>
          <p:spPr>
            <a:xfrm>
              <a:off x="3743451" y="5114925"/>
              <a:ext cx="190500" cy="190500"/>
            </a:xfrm>
            <a:prstGeom prst="ellipse">
              <a:avLst/>
            </a:prstGeom>
            <a:solidFill>
              <a:schemeClr val="tx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</p:spTree>
    <p:extLst>
      <p:ext uri="{BB962C8B-B14F-4D97-AF65-F5344CB8AC3E}">
        <p14:creationId xmlns:p14="http://schemas.microsoft.com/office/powerpoint/2010/main" val="18811768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" dur="5000" fill="hold"/>
                                        <p:tgtEl>
                                          <p:spTgt spid="28"/>
                                        </p:tgtEl>
                                      </p:cBhvr>
                                      <p:by x="150000" y="150000"/>
                                    </p:animScale>
                                  </p:childTnLst>
                                </p:cTn>
                              </p:par>
                              <p:par>
                                <p:cTn id="7" presetID="50" presetClass="entr" presetSubtype="0" decel="100000" fill="hold" grpId="0" nodeType="withEffect">
                                  <p:stCondLst>
                                    <p:cond delay="25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9" dur="250" fill="hold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50" fill="hold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1" dur="25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50" presetClass="entr" presetSubtype="0" decel="100000" fill="hold" grpId="0" nodeType="withEffect">
                                  <p:stCondLst>
                                    <p:cond delay="50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250" fill="hold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250" fill="hold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25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49" presetClass="entr" presetSubtype="0" decel="100000" fill="hold" grpId="0" nodeType="withEffect" nodePh="1">
                                  <p:stCondLst>
                                    <p:cond delay="250"/>
                                  </p:stCondLst>
                                  <p:endCondLst>
                                    <p:cond evt="begin" delay="0">
                                      <p:tn val="17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50" presetClass="entr" presetSubtype="0" decel="100000" fill="hold" grpId="0" nodeType="withEffect">
                                  <p:stCondLst>
                                    <p:cond delay="25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5" dur="25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25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7" dur="25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49" presetClass="entr" presetSubtype="0" decel="100000" fill="hold" grpId="0" nodeType="withEffect" nodePh="1">
                                  <p:stCondLst>
                                    <p:cond delay="250"/>
                                  </p:stCondLst>
                                  <p:endCondLst>
                                    <p:cond evt="begin" delay="0">
                                      <p:tn val="28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0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50" presetClass="entr" presetSubtype="0" decel="100000" fill="hold" grpId="0" nodeType="withEffect">
                                  <p:stCondLst>
                                    <p:cond delay="25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6" dur="25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25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8" dur="25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49" presetClass="entr" presetSubtype="0" decel="100000" fill="hold" grpId="0" nodeType="withEffect" nodePh="1">
                                  <p:stCondLst>
                                    <p:cond delay="250"/>
                                  </p:stCondLst>
                                  <p:endCondLst>
                                    <p:cond evt="begin" delay="0">
                                      <p:tn val="39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1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3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50" presetClass="entr" presetSubtype="0" decel="100000" fill="hold" grpId="0" nodeType="withEffect">
                                  <p:stCondLst>
                                    <p:cond delay="50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7" dur="250" fill="hold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8" dur="250" fill="hold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9" dur="25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2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53" presetClass="entr" presetSubtype="16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7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8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9" dur="25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53" presetClass="entr" presetSubtype="16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2" dur="25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3" dur="25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4" dur="25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53" presetClass="entr" presetSubtype="16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7" dur="25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8" dur="25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9" dur="2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8" presetClass="emph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animRot by="-21600000">
                                      <p:cBhvr>
                                        <p:cTn id="71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2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4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5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2" presetClass="entr" presetSubtype="4" decel="6000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9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0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 animBg="1"/>
      <p:bldP spid="8" grpId="0" build="p">
        <p:tmplLst>
          <p:tmpl lvl="1">
            <p:tnLst>
              <p:par>
                <p:cTn presetID="50" presetClass="entr" presetSubtype="0" decel="100000" fill="hold" nodeType="withEffect">
                  <p:stCondLst>
                    <p:cond delay="250"/>
                  </p:stCondLst>
                  <p:iterate type="lt">
                    <p:tmPct val="10000"/>
                  </p:iterate>
                  <p:childTnLst>
                    <p:set>
                      <p:cBhvr>
                        <p:cTn dur="1" fill="hold">
                          <p:stCondLst>
                            <p:cond delay="0"/>
                          </p:stCondLst>
                        </p:cTn>
                        <p:tgtEl>
                          <p:spTgt spid="8"/>
                        </p:tgtEl>
                        <p:attrNameLst>
                          <p:attrName>style.visibility</p:attrName>
                        </p:attrNameLst>
                      </p:cBhvr>
                      <p:to>
                        <p:strVal val="visible"/>
                      </p:to>
                    </p:set>
                    <p:anim calcmode="lin" valueType="num">
                      <p:cBhvr>
                        <p:cTn dur="250" fill="hold"/>
                        <p:tgtEl>
                          <p:spTgt spid="8"/>
                        </p:tgtEl>
                        <p:attrNameLst>
                          <p:attrName>ppt_w</p:attrName>
                        </p:attrNameLst>
                      </p:cBhvr>
                      <p:tavLst>
                        <p:tav tm="0">
                          <p:val>
                            <p:strVal val="#ppt_w+.3"/>
                          </p:val>
                        </p:tav>
                        <p:tav tm="100000">
                          <p:val>
                            <p:strVal val="#ppt_w"/>
                          </p:val>
                        </p:tav>
                      </p:tavLst>
                    </p:anim>
                    <p:anim calcmode="lin" valueType="num">
                      <p:cBhvr>
                        <p:cTn dur="250" fill="hold"/>
                        <p:tgtEl>
                          <p:spTgt spid="8"/>
                        </p:tgtEl>
                        <p:attrNameLst>
                          <p:attrName>ppt_h</p:attrName>
                        </p:attrNameLst>
                      </p:cBhvr>
                      <p:tavLst>
                        <p:tav tm="0">
                          <p:val>
                            <p:strVal val="#ppt_h"/>
                          </p:val>
                        </p:tav>
                        <p:tav tm="100000">
                          <p:val>
                            <p:strVal val="#ppt_h"/>
                          </p:val>
                        </p:tav>
                      </p:tavLst>
                    </p:anim>
                    <p:animEffect transition="in" filter="fade">
                      <p:cBhvr>
                        <p:cTn dur="250"/>
                        <p:tgtEl>
                          <p:spTgt spid="8"/>
                        </p:tgtEl>
                      </p:cBhvr>
                    </p:animEffect>
                  </p:childTnLst>
                </p:cTn>
              </p:par>
            </p:tnLst>
          </p:tmpl>
        </p:tmplLst>
      </p:bldP>
      <p:bldP spid="9" grpId="0" build="p">
        <p:tmplLst>
          <p:tmpl lvl="1">
            <p:tnLst>
              <p:par>
                <p:cTn presetID="50" presetClass="entr" presetSubtype="0" decel="100000" fill="hold" nodeType="withEffect">
                  <p:stCondLst>
                    <p:cond delay="500"/>
                  </p:stCondLst>
                  <p:iterate type="lt">
                    <p:tmPct val="10000"/>
                  </p:iterate>
                  <p:childTnLst>
                    <p:set>
                      <p:cBhvr>
                        <p:cTn dur="1" fill="hold">
                          <p:stCondLst>
                            <p:cond delay="0"/>
                          </p:stCondLst>
                        </p:cTn>
                        <p:tgtEl>
                          <p:spTgt spid="9"/>
                        </p:tgtEl>
                        <p:attrNameLst>
                          <p:attrName>style.visibility</p:attrName>
                        </p:attrNameLst>
                      </p:cBhvr>
                      <p:to>
                        <p:strVal val="visible"/>
                      </p:to>
                    </p:set>
                    <p:anim calcmode="lin" valueType="num">
                      <p:cBhvr>
                        <p:cTn dur="250" fill="hold"/>
                        <p:tgtEl>
                          <p:spTgt spid="9"/>
                        </p:tgtEl>
                        <p:attrNameLst>
                          <p:attrName>ppt_w</p:attrName>
                        </p:attrNameLst>
                      </p:cBhvr>
                      <p:tavLst>
                        <p:tav tm="0">
                          <p:val>
                            <p:strVal val="#ppt_w+.3"/>
                          </p:val>
                        </p:tav>
                        <p:tav tm="100000">
                          <p:val>
                            <p:strVal val="#ppt_w"/>
                          </p:val>
                        </p:tav>
                      </p:tavLst>
                    </p:anim>
                    <p:anim calcmode="lin" valueType="num">
                      <p:cBhvr>
                        <p:cTn dur="250" fill="hold"/>
                        <p:tgtEl>
                          <p:spTgt spid="9"/>
                        </p:tgtEl>
                        <p:attrNameLst>
                          <p:attrName>ppt_h</p:attrName>
                        </p:attrNameLst>
                      </p:cBhvr>
                      <p:tavLst>
                        <p:tav tm="0">
                          <p:val>
                            <p:strVal val="#ppt_h"/>
                          </p:val>
                        </p:tav>
                        <p:tav tm="100000">
                          <p:val>
                            <p:strVal val="#ppt_h"/>
                          </p:val>
                        </p:tav>
                      </p:tavLst>
                    </p:anim>
                    <p:animEffect transition="in" filter="fade">
                      <p:cBhvr>
                        <p:cTn dur="250"/>
                        <p:tgtEl>
                          <p:spTgt spid="9"/>
                        </p:tgtEl>
                      </p:cBhvr>
                    </p:animEffect>
                  </p:childTnLst>
                </p:cTn>
              </p:par>
            </p:tnLst>
          </p:tmpl>
        </p:tmplLst>
      </p:bldP>
      <p:bldP spid="3" grpId="0"/>
      <p:bldP spid="7" grpId="0" build="p">
        <p:tmplLst>
          <p:tmpl lvl="1">
            <p:tnLst>
              <p:par>
                <p:cTn presetID="50" presetClass="entr" presetSubtype="0" decel="100000" fill="hold" nodeType="withEffect">
                  <p:stCondLst>
                    <p:cond delay="250"/>
                  </p:stCondLst>
                  <p:iterate type="lt">
                    <p:tmPct val="10000"/>
                  </p:iterate>
                  <p:childTnLst>
                    <p:set>
                      <p:cBhvr>
                        <p:cTn dur="1" fill="hold">
                          <p:stCondLst>
                            <p:cond delay="0"/>
                          </p:stCondLst>
                        </p:cTn>
                        <p:tgtEl>
                          <p:spTgt spid="7"/>
                        </p:tgtEl>
                        <p:attrNameLst>
                          <p:attrName>style.visibility</p:attrName>
                        </p:attrNameLst>
                      </p:cBhvr>
                      <p:to>
                        <p:strVal val="visible"/>
                      </p:to>
                    </p:set>
                    <p:anim calcmode="lin" valueType="num">
                      <p:cBhvr>
                        <p:cTn dur="250" fill="hold"/>
                        <p:tgtEl>
                          <p:spTgt spid="7"/>
                        </p:tgtEl>
                        <p:attrNameLst>
                          <p:attrName>ppt_w</p:attrName>
                        </p:attrNameLst>
                      </p:cBhvr>
                      <p:tavLst>
                        <p:tav tm="0">
                          <p:val>
                            <p:strVal val="#ppt_w+.3"/>
                          </p:val>
                        </p:tav>
                        <p:tav tm="100000">
                          <p:val>
                            <p:strVal val="#ppt_w"/>
                          </p:val>
                        </p:tav>
                      </p:tavLst>
                    </p:anim>
                    <p:anim calcmode="lin" valueType="num">
                      <p:cBhvr>
                        <p:cTn dur="250" fill="hold"/>
                        <p:tgtEl>
                          <p:spTgt spid="7"/>
                        </p:tgtEl>
                        <p:attrNameLst>
                          <p:attrName>ppt_h</p:attrName>
                        </p:attrNameLst>
                      </p:cBhvr>
                      <p:tavLst>
                        <p:tav tm="0">
                          <p:val>
                            <p:strVal val="#ppt_h"/>
                          </p:val>
                        </p:tav>
                        <p:tav tm="100000">
                          <p:val>
                            <p:strVal val="#ppt_h"/>
                          </p:val>
                        </p:tav>
                      </p:tavLst>
                    </p:anim>
                    <p:animEffect transition="in" filter="fade">
                      <p:cBhvr>
                        <p:cTn dur="250"/>
                        <p:tgtEl>
                          <p:spTgt spid="7"/>
                        </p:tgtEl>
                      </p:cBhvr>
                    </p:animEffect>
                  </p:childTnLst>
                </p:cTn>
              </p:par>
            </p:tnLst>
          </p:tmpl>
        </p:tmplLst>
      </p:bldP>
      <p:bldP spid="10" grpId="0"/>
      <p:bldP spid="11" grpId="0" build="p">
        <p:tmplLst>
          <p:tmpl lvl="1">
            <p:tnLst>
              <p:par>
                <p:cTn presetID="50" presetClass="entr" presetSubtype="0" decel="100000" fill="hold" nodeType="withEffect">
                  <p:stCondLst>
                    <p:cond delay="250"/>
                  </p:stCondLst>
                  <p:iterate type="lt">
                    <p:tmPct val="10000"/>
                  </p:iterate>
                  <p:childTnLst>
                    <p:set>
                      <p:cBhvr>
                        <p:cTn dur="1" fill="hold">
                          <p:stCondLst>
                            <p:cond delay="0"/>
                          </p:stCondLst>
                        </p:cTn>
                        <p:tgtEl>
                          <p:spTgt spid="11"/>
                        </p:tgtEl>
                        <p:attrNameLst>
                          <p:attrName>style.visibility</p:attrName>
                        </p:attrNameLst>
                      </p:cBhvr>
                      <p:to>
                        <p:strVal val="visible"/>
                      </p:to>
                    </p:set>
                    <p:anim calcmode="lin" valueType="num">
                      <p:cBhvr>
                        <p:cTn dur="250" fill="hold"/>
                        <p:tgtEl>
                          <p:spTgt spid="11"/>
                        </p:tgtEl>
                        <p:attrNameLst>
                          <p:attrName>ppt_w</p:attrName>
                        </p:attrNameLst>
                      </p:cBhvr>
                      <p:tavLst>
                        <p:tav tm="0">
                          <p:val>
                            <p:strVal val="#ppt_w+.3"/>
                          </p:val>
                        </p:tav>
                        <p:tav tm="100000">
                          <p:val>
                            <p:strVal val="#ppt_w"/>
                          </p:val>
                        </p:tav>
                      </p:tavLst>
                    </p:anim>
                    <p:anim calcmode="lin" valueType="num">
                      <p:cBhvr>
                        <p:cTn dur="250" fill="hold"/>
                        <p:tgtEl>
                          <p:spTgt spid="11"/>
                        </p:tgtEl>
                        <p:attrNameLst>
                          <p:attrName>ppt_h</p:attrName>
                        </p:attrNameLst>
                      </p:cBhvr>
                      <p:tavLst>
                        <p:tav tm="0">
                          <p:val>
                            <p:strVal val="#ppt_h"/>
                          </p:val>
                        </p:tav>
                        <p:tav tm="100000">
                          <p:val>
                            <p:strVal val="#ppt_h"/>
                          </p:val>
                        </p:tav>
                      </p:tavLst>
                    </p:anim>
                    <p:animEffect transition="in" filter="fade">
                      <p:cBhvr>
                        <p:cTn dur="250"/>
                        <p:tgtEl>
                          <p:spTgt spid="11"/>
                        </p:tgtEl>
                      </p:cBhvr>
                    </p:animEffect>
                  </p:childTnLst>
                </p:cTn>
              </p:par>
            </p:tnLst>
          </p:tmpl>
        </p:tmplLst>
      </p:bldP>
      <p:bldP spid="12" grpId="0"/>
      <p:bldP spid="13" grpId="0" build="p">
        <p:tmplLst>
          <p:tmpl lvl="1">
            <p:tnLst>
              <p:par>
                <p:cTn presetID="50" presetClass="entr" presetSubtype="0" decel="100000" fill="hold" nodeType="withEffect">
                  <p:stCondLst>
                    <p:cond delay="500"/>
                  </p:stCondLst>
                  <p:iterate type="lt">
                    <p:tmPct val="10000"/>
                  </p:iterate>
                  <p:childTnLst>
                    <p:set>
                      <p:cBhvr>
                        <p:cTn dur="1" fill="hold">
                          <p:stCondLst>
                            <p:cond delay="0"/>
                          </p:stCondLst>
                        </p:cTn>
                        <p:tgtEl>
                          <p:spTgt spid="13"/>
                        </p:tgtEl>
                        <p:attrNameLst>
                          <p:attrName>style.visibility</p:attrName>
                        </p:attrNameLst>
                      </p:cBhvr>
                      <p:to>
                        <p:strVal val="visible"/>
                      </p:to>
                    </p:set>
                    <p:anim calcmode="lin" valueType="num">
                      <p:cBhvr>
                        <p:cTn dur="250" fill="hold"/>
                        <p:tgtEl>
                          <p:spTgt spid="13"/>
                        </p:tgtEl>
                        <p:attrNameLst>
                          <p:attrName>ppt_w</p:attrName>
                        </p:attrNameLst>
                      </p:cBhvr>
                      <p:tavLst>
                        <p:tav tm="0">
                          <p:val>
                            <p:strVal val="#ppt_w+.3"/>
                          </p:val>
                        </p:tav>
                        <p:tav tm="100000">
                          <p:val>
                            <p:strVal val="#ppt_w"/>
                          </p:val>
                        </p:tav>
                      </p:tavLst>
                    </p:anim>
                    <p:anim calcmode="lin" valueType="num">
                      <p:cBhvr>
                        <p:cTn dur="250" fill="hold"/>
                        <p:tgtEl>
                          <p:spTgt spid="13"/>
                        </p:tgtEl>
                        <p:attrNameLst>
                          <p:attrName>ppt_h</p:attrName>
                        </p:attrNameLst>
                      </p:cBhvr>
                      <p:tavLst>
                        <p:tav tm="0">
                          <p:val>
                            <p:strVal val="#ppt_h"/>
                          </p:val>
                        </p:tav>
                        <p:tav tm="100000">
                          <p:val>
                            <p:strVal val="#ppt_h"/>
                          </p:val>
                        </p:tav>
                      </p:tavLst>
                    </p:anim>
                    <p:animEffect transition="in" filter="fade">
                      <p:cBhvr>
                        <p:cTn dur="250"/>
                        <p:tgtEl>
                          <p:spTgt spid="13"/>
                        </p:tgtEl>
                      </p:cBhvr>
                    </p:animEffect>
                  </p:childTnLst>
                </p:cTn>
              </p:par>
            </p:tnLst>
          </p:tmpl>
        </p:tmplLst>
      </p:bldP>
      <p:bldP spid="16" grpId="0" animBg="1"/>
      <p:bldP spid="17" grpId="0" animBg="1"/>
    </p:bldLst>
  </p:timing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Content" userDrawn="1">
  <p:cSld name="Title and Content">
    <p:spTree>
      <p:nvGrpSpPr>
        <p:cNvPr id="1" name="Shape 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18">
            <a:extLst>
              <a:ext uri="{FF2B5EF4-FFF2-40B4-BE49-F238E27FC236}">
                <a16:creationId xmlns:a16="http://schemas.microsoft.com/office/drawing/2014/main" id="{B1A3BDF1-CCC4-48B6-BF11-BBE355371D0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  <a:ext uri="{837473B0-CC2E-450A-ABE3-18F120FF3D39}">
                <a1611:picAttrSrcUrl xmlns:a1611="http://schemas.microsoft.com/office/drawing/2016/11/main" r:id="rId3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0" name="Google Shape;74;p5">
            <a:extLst>
              <a:ext uri="{FF2B5EF4-FFF2-40B4-BE49-F238E27FC236}">
                <a16:creationId xmlns:a16="http://schemas.microsoft.com/office/drawing/2014/main" id="{B077DFCD-682F-43FC-B345-AB78F09BC8DB}"/>
              </a:ext>
            </a:extLst>
          </p:cNvPr>
          <p:cNvSpPr/>
          <p:nvPr userDrawn="1"/>
        </p:nvSpPr>
        <p:spPr>
          <a:xfrm>
            <a:off x="0" y="0"/>
            <a:ext cx="12191999" cy="6858001"/>
          </a:xfrm>
          <a:prstGeom prst="rect">
            <a:avLst/>
          </a:prstGeom>
          <a:solidFill>
            <a:srgbClr val="FFFFFF">
              <a:alpha val="74000"/>
            </a:srgbClr>
          </a:solidFill>
          <a:ln w="12700" cap="flat" cmpd="sng">
            <a:noFill/>
            <a:prstDash val="solid"/>
            <a:miter lim="800000"/>
            <a:headEnd type="none" w="sm" len="sm"/>
            <a:tailEnd type="none" w="sm" len="sm"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75" name="Google Shape;75;p5"/>
          <p:cNvSpPr/>
          <p:nvPr/>
        </p:nvSpPr>
        <p:spPr>
          <a:xfrm>
            <a:off x="-9899" y="6106510"/>
            <a:ext cx="11827875" cy="698161"/>
          </a:xfrm>
          <a:custGeom>
            <a:avLst/>
            <a:gdLst/>
            <a:ahLst/>
            <a:cxnLst/>
            <a:rect l="l" t="t" r="r" b="b"/>
            <a:pathLst>
              <a:path w="10000" h="10000" extrusionOk="0">
                <a:moveTo>
                  <a:pt x="39" y="4728"/>
                </a:moveTo>
                <a:cubicBezTo>
                  <a:pt x="1906" y="11937"/>
                  <a:pt x="8131" y="5424"/>
                  <a:pt x="10000" y="0"/>
                </a:cubicBezTo>
                <a:cubicBezTo>
                  <a:pt x="9717" y="4499"/>
                  <a:pt x="9380" y="6181"/>
                  <a:pt x="9398" y="10000"/>
                </a:cubicBezTo>
                <a:lnTo>
                  <a:pt x="1" y="9584"/>
                </a:lnTo>
                <a:cubicBezTo>
                  <a:pt x="-3" y="6510"/>
                  <a:pt x="42" y="7803"/>
                  <a:pt x="39" y="4728"/>
                </a:cubicBez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  <a:effectLst>
            <a:outerShdw blurRad="44450" dist="27940" dir="5400000" algn="ctr">
              <a:srgbClr val="000000">
                <a:alpha val="31764"/>
              </a:srgbClr>
            </a:outerShdw>
          </a:effectLst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76" name="Google Shape;76;p5"/>
          <p:cNvSpPr/>
          <p:nvPr/>
        </p:nvSpPr>
        <p:spPr>
          <a:xfrm>
            <a:off x="-10132" y="6264167"/>
            <a:ext cx="12173373" cy="539868"/>
          </a:xfrm>
          <a:custGeom>
            <a:avLst/>
            <a:gdLst/>
            <a:ahLst/>
            <a:cxnLst/>
            <a:rect l="l" t="t" r="r" b="b"/>
            <a:pathLst>
              <a:path w="9957026" h="1627955" extrusionOk="0">
                <a:moveTo>
                  <a:pt x="0" y="667675"/>
                </a:moveTo>
                <a:cubicBezTo>
                  <a:pt x="1985366" y="2052123"/>
                  <a:pt x="7482149" y="688583"/>
                  <a:pt x="9957026" y="0"/>
                </a:cubicBezTo>
                <a:cubicBezTo>
                  <a:pt x="9789145" y="615841"/>
                  <a:pt x="9684486" y="947257"/>
                  <a:pt x="9487665" y="1627955"/>
                </a:cubicBezTo>
                <a:lnTo>
                  <a:pt x="11102" y="1627955"/>
                </a:lnTo>
                <a:lnTo>
                  <a:pt x="0" y="667675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  <a:effectLst>
            <a:outerShdw blurRad="44450" dist="27940" dir="5400000" algn="ctr">
              <a:srgbClr val="000000">
                <a:alpha val="31764"/>
              </a:srgbClr>
            </a:outerShdw>
          </a:effectLst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77" name="Google Shape;77;p5"/>
          <p:cNvSpPr/>
          <p:nvPr/>
        </p:nvSpPr>
        <p:spPr>
          <a:xfrm rot="5400000">
            <a:off x="-9050" y="4606"/>
            <a:ext cx="677105" cy="659009"/>
          </a:xfrm>
          <a:custGeom>
            <a:avLst/>
            <a:gdLst/>
            <a:ahLst/>
            <a:cxnLst/>
            <a:rect l="l" t="t" r="r" b="b"/>
            <a:pathLst>
              <a:path w="898156" h="677010" extrusionOk="0">
                <a:moveTo>
                  <a:pt x="0" y="677009"/>
                </a:moveTo>
                <a:lnTo>
                  <a:pt x="369948" y="0"/>
                </a:lnTo>
                <a:cubicBezTo>
                  <a:pt x="493264" y="225670"/>
                  <a:pt x="678125" y="548055"/>
                  <a:pt x="898156" y="677010"/>
                </a:cubicBezTo>
                <a:lnTo>
                  <a:pt x="0" y="677009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/>
            </a:stretch>
          </a:blip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78" name="Google Shape;78;p5"/>
          <p:cNvSpPr/>
          <p:nvPr/>
        </p:nvSpPr>
        <p:spPr>
          <a:xfrm>
            <a:off x="-24240" y="-1"/>
            <a:ext cx="12232256" cy="872360"/>
          </a:xfrm>
          <a:custGeom>
            <a:avLst/>
            <a:gdLst/>
            <a:ahLst/>
            <a:cxnLst/>
            <a:rect l="l" t="t" r="r" b="b"/>
            <a:pathLst>
              <a:path w="9144001" h="1176129" extrusionOk="0">
                <a:moveTo>
                  <a:pt x="1" y="0"/>
                </a:moveTo>
                <a:lnTo>
                  <a:pt x="9144001" y="0"/>
                </a:lnTo>
                <a:lnTo>
                  <a:pt x="9130748" y="1176129"/>
                </a:lnTo>
                <a:cubicBezTo>
                  <a:pt x="7076661" y="380999"/>
                  <a:pt x="5724939" y="367747"/>
                  <a:pt x="0" y="394251"/>
                </a:cubicBezTo>
                <a:cubicBezTo>
                  <a:pt x="0" y="262834"/>
                  <a:pt x="1" y="131417"/>
                  <a:pt x="1" y="0"/>
                </a:cubicBezTo>
                <a:close/>
              </a:path>
            </a:pathLst>
          </a:custGeom>
          <a:gradFill>
            <a:gsLst>
              <a:gs pos="0">
                <a:srgbClr val="FFC000"/>
              </a:gs>
              <a:gs pos="25000">
                <a:srgbClr val="FFFE67"/>
              </a:gs>
              <a:gs pos="57000">
                <a:srgbClr val="E6AD00"/>
              </a:gs>
              <a:gs pos="97000">
                <a:srgbClr val="FFE8A9"/>
              </a:gs>
              <a:gs pos="100000">
                <a:srgbClr val="FFE8A9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  <a:effectLst>
            <a:outerShdw blurRad="44450" dist="27940" dir="5400000" algn="ctr">
              <a:srgbClr val="000000">
                <a:alpha val="31764"/>
              </a:srgbClr>
            </a:outerShdw>
          </a:effectLst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79" name="Google Shape;79;p5"/>
          <p:cNvSpPr/>
          <p:nvPr/>
        </p:nvSpPr>
        <p:spPr>
          <a:xfrm>
            <a:off x="-24240" y="1"/>
            <a:ext cx="12232299" cy="1051033"/>
          </a:xfrm>
          <a:custGeom>
            <a:avLst/>
            <a:gdLst/>
            <a:ahLst/>
            <a:cxnLst/>
            <a:rect l="l" t="t" r="r" b="b"/>
            <a:pathLst>
              <a:path w="9147313" h="1657529" extrusionOk="0">
                <a:moveTo>
                  <a:pt x="0" y="0"/>
                </a:moveTo>
                <a:lnTo>
                  <a:pt x="9147313" y="0"/>
                </a:lnTo>
                <a:lnTo>
                  <a:pt x="9147313" y="1657529"/>
                </a:lnTo>
                <a:cubicBezTo>
                  <a:pt x="7636109" y="207634"/>
                  <a:pt x="6540311" y="272420"/>
                  <a:pt x="6299" y="292910"/>
                </a:cubicBezTo>
                <a:cubicBezTo>
                  <a:pt x="5057" y="140726"/>
                  <a:pt x="1242" y="152184"/>
                  <a:pt x="0" y="0"/>
                </a:cubicBezTo>
                <a:close/>
              </a:path>
            </a:pathLst>
          </a:custGeom>
          <a:blipFill rotWithShape="1">
            <a:blip r:embed="rId7">
              <a:alphaModFix/>
            </a:blip>
            <a:stretch>
              <a:fillRect/>
            </a:stretch>
          </a:blip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80" name="Google Shape;80;p5"/>
          <p:cNvSpPr txBox="1">
            <a:spLocks noGrp="1"/>
          </p:cNvSpPr>
          <p:nvPr>
            <p:ph type="dt" idx="10"/>
          </p:nvPr>
        </p:nvSpPr>
        <p:spPr>
          <a:xfrm>
            <a:off x="838200" y="6253311"/>
            <a:ext cx="2743200" cy="46816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>
            <a:fld id="{0357C6C0-AABB-4157-AA16-B020FA7876E3}" type="datetimeFigureOut">
              <a:rPr lang="en-US" smtClean="0"/>
              <a:t>7/5/2020</a:t>
            </a:fld>
            <a:endParaRPr lang="en-US"/>
          </a:p>
        </p:txBody>
      </p:sp>
      <p:sp>
        <p:nvSpPr>
          <p:cNvPr id="81" name="Google Shape;81;p5"/>
          <p:cNvSpPr txBox="1">
            <a:spLocks noGrp="1"/>
          </p:cNvSpPr>
          <p:nvPr>
            <p:ph type="ftr" idx="11"/>
          </p:nvPr>
        </p:nvSpPr>
        <p:spPr>
          <a:xfrm>
            <a:off x="4038600" y="6253311"/>
            <a:ext cx="4114800" cy="46816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>
            <a:endParaRPr lang="en-US"/>
          </a:p>
        </p:txBody>
      </p:sp>
      <p:sp>
        <p:nvSpPr>
          <p:cNvPr id="84" name="Google Shape;84;p5"/>
          <p:cNvSpPr/>
          <p:nvPr/>
        </p:nvSpPr>
        <p:spPr>
          <a:xfrm>
            <a:off x="12514" y="6453352"/>
            <a:ext cx="12196421" cy="210208"/>
          </a:xfrm>
          <a:prstGeom prst="rect">
            <a:avLst/>
          </a:prstGeom>
          <a:gradFill>
            <a:gsLst>
              <a:gs pos="0">
                <a:srgbClr val="FFC000"/>
              </a:gs>
              <a:gs pos="25000">
                <a:srgbClr val="FFFE67"/>
              </a:gs>
              <a:gs pos="57000">
                <a:srgbClr val="E6AD00"/>
              </a:gs>
              <a:gs pos="97000">
                <a:srgbClr val="FFE8A9"/>
              </a:gs>
              <a:gs pos="100000">
                <a:srgbClr val="FFE8A9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85" name="Google Shape;85;p5"/>
          <p:cNvSpPr/>
          <p:nvPr/>
        </p:nvSpPr>
        <p:spPr>
          <a:xfrm>
            <a:off x="-1" y="6264166"/>
            <a:ext cx="12236875" cy="589390"/>
          </a:xfrm>
          <a:custGeom>
            <a:avLst/>
            <a:gdLst/>
            <a:ahLst/>
            <a:cxnLst/>
            <a:rect l="l" t="t" r="r" b="b"/>
            <a:pathLst>
              <a:path w="12261114" h="852805" extrusionOk="0">
                <a:moveTo>
                  <a:pt x="0" y="0"/>
                </a:moveTo>
                <a:cubicBezTo>
                  <a:pt x="570055" y="447675"/>
                  <a:pt x="1378234" y="409574"/>
                  <a:pt x="2081639" y="428624"/>
                </a:cubicBezTo>
                <a:lnTo>
                  <a:pt x="12261114" y="438150"/>
                </a:lnTo>
                <a:lnTo>
                  <a:pt x="12261114" y="852805"/>
                </a:lnTo>
                <a:lnTo>
                  <a:pt x="0" y="85280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7">
              <a:alphaModFix/>
            </a:blip>
            <a:stretch>
              <a:fillRect/>
            </a:stretch>
          </a:blip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86" name="Google Shape;86;p5"/>
          <p:cNvSpPr/>
          <p:nvPr/>
        </p:nvSpPr>
        <p:spPr>
          <a:xfrm rot="5400000">
            <a:off x="-611043" y="3647011"/>
            <a:ext cx="1831980" cy="606580"/>
          </a:xfrm>
          <a:custGeom>
            <a:avLst/>
            <a:gdLst/>
            <a:ahLst/>
            <a:cxnLst/>
            <a:rect l="l" t="t" r="r" b="b"/>
            <a:pathLst>
              <a:path w="2685779" h="813153" extrusionOk="0">
                <a:moveTo>
                  <a:pt x="0" y="813153"/>
                </a:moveTo>
                <a:lnTo>
                  <a:pt x="1342890" y="0"/>
                </a:lnTo>
                <a:cubicBezTo>
                  <a:pt x="1821000" y="596171"/>
                  <a:pt x="2024789" y="562422"/>
                  <a:pt x="2685779" y="813153"/>
                </a:cubicBezTo>
                <a:lnTo>
                  <a:pt x="0" y="813153"/>
                </a:lnTo>
                <a:close/>
              </a:path>
            </a:pathLst>
          </a:custGeom>
          <a:blipFill rotWithShape="1">
            <a:blip r:embed="rId8">
              <a:alphaModFix/>
            </a:blip>
            <a:stretch>
              <a:fillRect/>
            </a:stretch>
          </a:blipFill>
          <a:ln>
            <a:noFill/>
          </a:ln>
          <a:effectLst>
            <a:outerShdw blurRad="44450" dist="27940" dir="5400000" algn="ctr">
              <a:srgbClr val="000000">
                <a:alpha val="31764"/>
              </a:srgbClr>
            </a:outerShdw>
          </a:effectLst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pic>
        <p:nvPicPr>
          <p:cNvPr id="87" name="Google Shape;87;p5"/>
          <p:cNvPicPr preferRelativeResize="0"/>
          <p:nvPr/>
        </p:nvPicPr>
        <p:blipFill rotWithShape="1">
          <a:blip r:embed="rId9">
            <a:alphaModFix/>
          </a:blip>
          <a:srcRect l="84497" t="12841" b="54140"/>
          <a:stretch/>
        </p:blipFill>
        <p:spPr>
          <a:xfrm>
            <a:off x="0" y="2590800"/>
            <a:ext cx="600711" cy="1469197"/>
          </a:xfrm>
          <a:prstGeom prst="rect">
            <a:avLst/>
          </a:prstGeom>
          <a:noFill/>
          <a:ln>
            <a:noFill/>
          </a:ln>
          <a:effectLst>
            <a:outerShdw blurRad="44450" dist="27940" dir="5400000" algn="ctr">
              <a:srgbClr val="000000">
                <a:alpha val="31764"/>
              </a:srgbClr>
            </a:outerShdw>
          </a:effectLst>
        </p:spPr>
      </p:pic>
      <p:sp>
        <p:nvSpPr>
          <p:cNvPr id="88" name="Google Shape;88;p5"/>
          <p:cNvSpPr txBox="1">
            <a:spLocks noGrp="1"/>
          </p:cNvSpPr>
          <p:nvPr>
            <p:ph type="body" idx="1"/>
          </p:nvPr>
        </p:nvSpPr>
        <p:spPr>
          <a:xfrm>
            <a:off x="590550" y="1385934"/>
            <a:ext cx="11287125" cy="461005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L="457200" lvl="0" indent="-342900" algn="l">
              <a:lnSpc>
                <a:spcPct val="90000"/>
              </a:lnSpc>
              <a:spcBef>
                <a:spcPts val="75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1pPr>
            <a:lvl2pPr marL="914400" lvl="1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marL="1371600" lvl="2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marL="1828800" lvl="3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marL="2286000" lvl="4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marL="2743200" lvl="5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marL="3200400" lvl="6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marL="3657600" lvl="7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marL="4114800" lvl="8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9" name="Google Shape;89;p5"/>
          <p:cNvSpPr txBox="1">
            <a:spLocks noGrp="1"/>
          </p:cNvSpPr>
          <p:nvPr>
            <p:ph type="body" idx="2"/>
          </p:nvPr>
        </p:nvSpPr>
        <p:spPr>
          <a:xfrm>
            <a:off x="590550" y="657225"/>
            <a:ext cx="9085802" cy="48101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L="457200" lvl="0" indent="-228600" algn="l">
              <a:lnSpc>
                <a:spcPct val="90000"/>
              </a:lnSpc>
              <a:spcBef>
                <a:spcPts val="75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 b="1"/>
            </a:lvl1pPr>
            <a:lvl2pPr marL="914400" lvl="1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marL="1371600" lvl="2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marL="1828800" lvl="3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marL="2286000" lvl="4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marL="2743200" lvl="5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marL="3200400" lvl="6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marL="3657600" lvl="7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marL="4114800" lvl="8" indent="-342900" algn="l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4125988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" dur="20000" fill="hold"/>
                                        <p:tgtEl>
                                          <p:spTgt spid="19"/>
                                        </p:tgtEl>
                                      </p:cBhvr>
                                      <p:by x="150000" y="15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obj">
  <p:cSld name="4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6A605AE9-AB67-42F3-AF5C-4B2DC9638DD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  <a:ext uri="{837473B0-CC2E-450A-ABE3-18F120FF3D39}">
                <a1611:picAttrSrcUrl xmlns:a1611="http://schemas.microsoft.com/office/drawing/2016/11/main" r:id="rId3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8" name="Google Shape;74;p5">
            <a:extLst>
              <a:ext uri="{FF2B5EF4-FFF2-40B4-BE49-F238E27FC236}">
                <a16:creationId xmlns:a16="http://schemas.microsoft.com/office/drawing/2014/main" id="{9702CFE1-B73F-45A7-9720-019EE75FA672}"/>
              </a:ext>
            </a:extLst>
          </p:cNvPr>
          <p:cNvSpPr/>
          <p:nvPr userDrawn="1"/>
        </p:nvSpPr>
        <p:spPr>
          <a:xfrm>
            <a:off x="0" y="0"/>
            <a:ext cx="12191999" cy="6858001"/>
          </a:xfrm>
          <a:prstGeom prst="rect">
            <a:avLst/>
          </a:prstGeom>
          <a:solidFill>
            <a:srgbClr val="FFFFFF">
              <a:alpha val="74000"/>
            </a:srgbClr>
          </a:solidFill>
          <a:ln w="12700" cap="flat" cmpd="sng">
            <a:noFill/>
            <a:prstDash val="solid"/>
            <a:miter lim="800000"/>
            <a:headEnd type="none" w="sm" len="sm"/>
            <a:tailEnd type="none" w="sm" len="sm"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lt1"/>
              </a:solidFill>
              <a:latin typeface="Libre Franklin"/>
              <a:ea typeface="Libre Franklin"/>
              <a:cs typeface="Libre Franklin"/>
              <a:sym typeface="Libre Franklin"/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357C6C0-AABB-4157-AA16-B020FA7876E3}" type="datetimeFigureOut">
              <a:rPr lang="en-US" smtClean="0"/>
              <a:t>7/5/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EE143CA-6984-4881-8D47-33321B0DF98F}" type="slidenum">
              <a:rPr lang="en-US" smtClean="0"/>
              <a:t>‹#›</a:t>
            </a:fld>
            <a:endParaRPr lang="en-US"/>
          </a:p>
        </p:txBody>
      </p:sp>
      <p:grpSp>
        <p:nvGrpSpPr>
          <p:cNvPr id="9" name="Group 8">
            <a:extLst>
              <a:ext uri="{FF2B5EF4-FFF2-40B4-BE49-F238E27FC236}">
                <a16:creationId xmlns:a16="http://schemas.microsoft.com/office/drawing/2014/main" id="{F47240DD-8F3A-42F4-8801-EA318AE62E3C}"/>
              </a:ext>
            </a:extLst>
          </p:cNvPr>
          <p:cNvGrpSpPr/>
          <p:nvPr userDrawn="1"/>
        </p:nvGrpSpPr>
        <p:grpSpPr>
          <a:xfrm>
            <a:off x="0" y="-36431"/>
            <a:ext cx="12200792" cy="6894431"/>
            <a:chOff x="-8792" y="-27055"/>
            <a:chExt cx="12200792" cy="6894431"/>
          </a:xfrm>
        </p:grpSpPr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8E885EA2-1DDD-42D1-A318-68944769A8D3}"/>
                </a:ext>
              </a:extLst>
            </p:cNvPr>
            <p:cNvSpPr/>
            <p:nvPr/>
          </p:nvSpPr>
          <p:spPr>
            <a:xfrm>
              <a:off x="-2166" y="-2408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 10">
              <a:extLst>
                <a:ext uri="{FF2B5EF4-FFF2-40B4-BE49-F238E27FC236}">
                  <a16:creationId xmlns:a16="http://schemas.microsoft.com/office/drawing/2014/main" id="{84A662C7-835A-447F-A2D2-0FF9359567E2}"/>
                </a:ext>
              </a:extLst>
            </p:cNvPr>
            <p:cNvSpPr/>
            <p:nvPr/>
          </p:nvSpPr>
          <p:spPr>
            <a:xfrm>
              <a:off x="11846497" y="-2409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56642790-E399-43F6-989A-006AB15C43B1}"/>
                </a:ext>
              </a:extLst>
            </p:cNvPr>
            <p:cNvSpPr/>
            <p:nvPr/>
          </p:nvSpPr>
          <p:spPr>
            <a:xfrm>
              <a:off x="-2166" y="-2408"/>
              <a:ext cx="12194165" cy="203200"/>
            </a:xfrm>
            <a:prstGeom prst="rect">
              <a:avLst/>
            </a:prstGeom>
            <a:solidFill>
              <a:srgbClr val="0070C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13" name="Group 12">
              <a:extLst>
                <a:ext uri="{FF2B5EF4-FFF2-40B4-BE49-F238E27FC236}">
                  <a16:creationId xmlns:a16="http://schemas.microsoft.com/office/drawing/2014/main" id="{0FF4087C-AC70-46EA-9B54-82BF16F49D67}"/>
                </a:ext>
              </a:extLst>
            </p:cNvPr>
            <p:cNvGrpSpPr/>
            <p:nvPr/>
          </p:nvGrpSpPr>
          <p:grpSpPr>
            <a:xfrm>
              <a:off x="-8792" y="6376639"/>
              <a:ext cx="12200792" cy="490737"/>
              <a:chOff x="-6625" y="6379047"/>
              <a:chExt cx="12198626" cy="490737"/>
            </a:xfrm>
          </p:grpSpPr>
          <p:sp>
            <p:nvSpPr>
              <p:cNvPr id="19" name="Rectangle 18">
                <a:extLst>
                  <a:ext uri="{FF2B5EF4-FFF2-40B4-BE49-F238E27FC236}">
                    <a16:creationId xmlns:a16="http://schemas.microsoft.com/office/drawing/2014/main" id="{FB020ACD-F7D6-474E-B9B0-1B91B6BF1767}"/>
                  </a:ext>
                </a:extLst>
              </p:cNvPr>
              <p:cNvSpPr/>
              <p:nvPr/>
            </p:nvSpPr>
            <p:spPr>
              <a:xfrm>
                <a:off x="4624755" y="6612255"/>
                <a:ext cx="1063869" cy="245521"/>
              </a:xfrm>
              <a:prstGeom prst="rect">
                <a:avLst/>
              </a:prstGeom>
              <a:solidFill>
                <a:srgbClr val="FFA424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0" name="Rectangle 40">
                <a:extLst>
                  <a:ext uri="{FF2B5EF4-FFF2-40B4-BE49-F238E27FC236}">
                    <a16:creationId xmlns:a16="http://schemas.microsoft.com/office/drawing/2014/main" id="{14C9774E-CED4-41EF-ABA5-1418CA6B4472}"/>
                  </a:ext>
                </a:extLst>
              </p:cNvPr>
              <p:cNvSpPr/>
              <p:nvPr/>
            </p:nvSpPr>
            <p:spPr>
              <a:xfrm>
                <a:off x="5065381" y="6622909"/>
                <a:ext cx="7126620" cy="246875"/>
              </a:xfrm>
              <a:custGeom>
                <a:avLst/>
                <a:gdLst>
                  <a:gd name="connsiteX0" fmla="*/ 0 w 7048500"/>
                  <a:gd name="connsiteY0" fmla="*/ 0 h 219807"/>
                  <a:gd name="connsiteX1" fmla="*/ 7048500 w 7048500"/>
                  <a:gd name="connsiteY1" fmla="*/ 0 h 219807"/>
                  <a:gd name="connsiteX2" fmla="*/ 7048500 w 7048500"/>
                  <a:gd name="connsiteY2" fmla="*/ 219807 h 219807"/>
                  <a:gd name="connsiteX3" fmla="*/ 0 w 7048500"/>
                  <a:gd name="connsiteY3" fmla="*/ 219807 h 219807"/>
                  <a:gd name="connsiteX4" fmla="*/ 0 w 7048500"/>
                  <a:gd name="connsiteY4" fmla="*/ 0 h 219807"/>
                  <a:gd name="connsiteX0" fmla="*/ 334107 w 7382607"/>
                  <a:gd name="connsiteY0" fmla="*/ 0 h 219807"/>
                  <a:gd name="connsiteX1" fmla="*/ 7382607 w 7382607"/>
                  <a:gd name="connsiteY1" fmla="*/ 0 h 219807"/>
                  <a:gd name="connsiteX2" fmla="*/ 7382607 w 7382607"/>
                  <a:gd name="connsiteY2" fmla="*/ 219807 h 219807"/>
                  <a:gd name="connsiteX3" fmla="*/ 0 w 7382607"/>
                  <a:gd name="connsiteY3" fmla="*/ 219807 h 219807"/>
                  <a:gd name="connsiteX4" fmla="*/ 334107 w 7382607"/>
                  <a:gd name="connsiteY4" fmla="*/ 0 h 21980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382607" h="219807">
                    <a:moveTo>
                      <a:pt x="334107" y="0"/>
                    </a:moveTo>
                    <a:lnTo>
                      <a:pt x="7382607" y="0"/>
                    </a:lnTo>
                    <a:lnTo>
                      <a:pt x="7382607" y="219807"/>
                    </a:lnTo>
                    <a:lnTo>
                      <a:pt x="0" y="219807"/>
                    </a:lnTo>
                    <a:lnTo>
                      <a:pt x="334107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1" name="Freeform 15">
                <a:extLst>
                  <a:ext uri="{FF2B5EF4-FFF2-40B4-BE49-F238E27FC236}">
                    <a16:creationId xmlns:a16="http://schemas.microsoft.com/office/drawing/2014/main" id="{D44D8BED-CB07-4EE1-B045-CA8FFFAF18D8}"/>
                  </a:ext>
                </a:extLst>
              </p:cNvPr>
              <p:cNvSpPr/>
              <p:nvPr/>
            </p:nvSpPr>
            <p:spPr>
              <a:xfrm>
                <a:off x="785938" y="6411997"/>
                <a:ext cx="14304" cy="4763"/>
              </a:xfrm>
              <a:custGeom>
                <a:avLst/>
                <a:gdLst>
                  <a:gd name="connsiteX0" fmla="*/ 14304 w 14304"/>
                  <a:gd name="connsiteY0" fmla="*/ 0 h 4763"/>
                  <a:gd name="connsiteX1" fmla="*/ 5971 w 14304"/>
                  <a:gd name="connsiteY1" fmla="*/ 4763 h 4763"/>
                  <a:gd name="connsiteX2" fmla="*/ 0 w 14304"/>
                  <a:gd name="connsiteY2" fmla="*/ 4763 h 4763"/>
                  <a:gd name="connsiteX3" fmla="*/ 14304 w 14304"/>
                  <a:gd name="connsiteY3" fmla="*/ 0 h 4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04" h="4763">
                    <a:moveTo>
                      <a:pt x="14304" y="0"/>
                    </a:moveTo>
                    <a:lnTo>
                      <a:pt x="5971" y="4763"/>
                    </a:lnTo>
                    <a:lnTo>
                      <a:pt x="0" y="4763"/>
                    </a:lnTo>
                    <a:lnTo>
                      <a:pt x="14304" y="0"/>
                    </a:lnTo>
                    <a:close/>
                  </a:path>
                </a:pathLst>
              </a:custGeom>
              <a:solidFill>
                <a:srgbClr val="F7A11A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2" name="Rectangle 5">
                <a:extLst>
                  <a:ext uri="{FF2B5EF4-FFF2-40B4-BE49-F238E27FC236}">
                    <a16:creationId xmlns:a16="http://schemas.microsoft.com/office/drawing/2014/main" id="{3C51D050-C77F-45D2-A9F8-0A1CCE051CC6}"/>
                  </a:ext>
                </a:extLst>
              </p:cNvPr>
              <p:cNvSpPr/>
              <p:nvPr/>
            </p:nvSpPr>
            <p:spPr>
              <a:xfrm>
                <a:off x="1" y="6412644"/>
                <a:ext cx="5104894" cy="447764"/>
              </a:xfrm>
              <a:custGeom>
                <a:avLst/>
                <a:gdLst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4553528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5024582" h="397164">
                    <a:moveTo>
                      <a:pt x="0" y="0"/>
                    </a:moveTo>
                    <a:lnTo>
                      <a:pt x="4553528" y="0"/>
                    </a:lnTo>
                    <a:lnTo>
                      <a:pt x="5024582" y="397164"/>
                    </a:lnTo>
                    <a:lnTo>
                      <a:pt x="0" y="397164"/>
                    </a:lnTo>
                    <a:lnTo>
                      <a:pt x="0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3" name="Freeform 17">
                <a:extLst>
                  <a:ext uri="{FF2B5EF4-FFF2-40B4-BE49-F238E27FC236}">
                    <a16:creationId xmlns:a16="http://schemas.microsoft.com/office/drawing/2014/main" id="{26D38343-470C-481D-8EA8-71F4DBA9B18A}"/>
                  </a:ext>
                </a:extLst>
              </p:cNvPr>
              <p:cNvSpPr/>
              <p:nvPr/>
            </p:nvSpPr>
            <p:spPr>
              <a:xfrm>
                <a:off x="0" y="6410640"/>
                <a:ext cx="2950459" cy="447360"/>
              </a:xfrm>
              <a:custGeom>
                <a:avLst/>
                <a:gdLst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794327 w 2953014"/>
                  <a:gd name="connsiteY3" fmla="*/ 9146 h 424783"/>
                  <a:gd name="connsiteX4" fmla="*/ 2953014 w 2953014"/>
                  <a:gd name="connsiteY4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49088 w 2953014"/>
                  <a:gd name="connsiteY3" fmla="*/ 340149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 w 2953014"/>
                  <a:gd name="connsiteY3" fmla="*/ 300393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48098 w 2948098"/>
                  <a:gd name="connsiteY0" fmla="*/ 0 h 419962"/>
                  <a:gd name="connsiteX1" fmla="*/ 2140545 w 2948098"/>
                  <a:gd name="connsiteY1" fmla="*/ 419962 h 419962"/>
                  <a:gd name="connsiteX2" fmla="*/ 0 w 2948098"/>
                  <a:gd name="connsiteY2" fmla="*/ 419962 h 419962"/>
                  <a:gd name="connsiteX3" fmla="*/ 1 w 2948098"/>
                  <a:gd name="connsiteY3" fmla="*/ 295572 h 419962"/>
                  <a:gd name="connsiteX4" fmla="*/ 794327 w 2948098"/>
                  <a:gd name="connsiteY4" fmla="*/ 4325 h 419962"/>
                  <a:gd name="connsiteX5" fmla="*/ 2948098 w 2948098"/>
                  <a:gd name="connsiteY5" fmla="*/ 0 h 419962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33656 w 2948098"/>
                  <a:gd name="connsiteY4" fmla="*/ 0 h 420458"/>
                  <a:gd name="connsiteX5" fmla="*/ 2948098 w 2948098"/>
                  <a:gd name="connsiteY5" fmla="*/ 496 h 420458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13992 w 2948098"/>
                  <a:gd name="connsiteY4" fmla="*/ 0 h 420458"/>
                  <a:gd name="connsiteX5" fmla="*/ 2948098 w 2948098"/>
                  <a:gd name="connsiteY5" fmla="*/ 496 h 420458"/>
                  <a:gd name="connsiteX0" fmla="*/ 2945543 w 2945543"/>
                  <a:gd name="connsiteY0" fmla="*/ 0 h 422445"/>
                  <a:gd name="connsiteX1" fmla="*/ 2140545 w 2945543"/>
                  <a:gd name="connsiteY1" fmla="*/ 422445 h 422445"/>
                  <a:gd name="connsiteX2" fmla="*/ 0 w 2945543"/>
                  <a:gd name="connsiteY2" fmla="*/ 422445 h 422445"/>
                  <a:gd name="connsiteX3" fmla="*/ 1 w 2945543"/>
                  <a:gd name="connsiteY3" fmla="*/ 298055 h 422445"/>
                  <a:gd name="connsiteX4" fmla="*/ 813992 w 2945543"/>
                  <a:gd name="connsiteY4" fmla="*/ 1987 h 422445"/>
                  <a:gd name="connsiteX5" fmla="*/ 2945543 w 2945543"/>
                  <a:gd name="connsiteY5" fmla="*/ 0 h 42244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</a:cxnLst>
                <a:rect l="l" t="t" r="r" b="b"/>
                <a:pathLst>
                  <a:path w="2945543" h="422445">
                    <a:moveTo>
                      <a:pt x="2945543" y="0"/>
                    </a:moveTo>
                    <a:lnTo>
                      <a:pt x="2140545" y="422445"/>
                    </a:lnTo>
                    <a:lnTo>
                      <a:pt x="0" y="422445"/>
                    </a:lnTo>
                    <a:cubicBezTo>
                      <a:pt x="0" y="380982"/>
                      <a:pt x="1" y="339518"/>
                      <a:pt x="1" y="298055"/>
                    </a:cubicBezTo>
                    <a:lnTo>
                      <a:pt x="813992" y="1987"/>
                    </a:lnTo>
                    <a:lnTo>
                      <a:pt x="2945543" y="0"/>
                    </a:lnTo>
                    <a:close/>
                  </a:path>
                </a:pathLst>
              </a:custGeom>
              <a:solidFill>
                <a:srgbClr val="C00000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4" name="Rectangle 39">
                <a:extLst>
                  <a:ext uri="{FF2B5EF4-FFF2-40B4-BE49-F238E27FC236}">
                    <a16:creationId xmlns:a16="http://schemas.microsoft.com/office/drawing/2014/main" id="{CB9315E6-FA2C-492E-AA6A-769A50BA6E41}"/>
                  </a:ext>
                </a:extLst>
              </p:cNvPr>
              <p:cNvSpPr/>
              <p:nvPr/>
            </p:nvSpPr>
            <p:spPr>
              <a:xfrm>
                <a:off x="-6625" y="6412230"/>
                <a:ext cx="2143539" cy="445770"/>
              </a:xfrm>
              <a:custGeom>
                <a:avLst/>
                <a:gdLst>
                  <a:gd name="connsiteX0" fmla="*/ 0 w 563217"/>
                  <a:gd name="connsiteY0" fmla="*/ 0 h 407504"/>
                  <a:gd name="connsiteX1" fmla="*/ 563217 w 563217"/>
                  <a:gd name="connsiteY1" fmla="*/ 0 h 407504"/>
                  <a:gd name="connsiteX2" fmla="*/ 563217 w 563217"/>
                  <a:gd name="connsiteY2" fmla="*/ 407504 h 407504"/>
                  <a:gd name="connsiteX3" fmla="*/ 0 w 563217"/>
                  <a:gd name="connsiteY3" fmla="*/ 407504 h 407504"/>
                  <a:gd name="connsiteX4" fmla="*/ 0 w 563217"/>
                  <a:gd name="connsiteY4" fmla="*/ 0 h 407504"/>
                  <a:gd name="connsiteX0" fmla="*/ 0 w 563217"/>
                  <a:gd name="connsiteY0" fmla="*/ 0 h 407504"/>
                  <a:gd name="connsiteX1" fmla="*/ 563217 w 563217"/>
                  <a:gd name="connsiteY1" fmla="*/ 407504 h 407504"/>
                  <a:gd name="connsiteX2" fmla="*/ 0 w 563217"/>
                  <a:gd name="connsiteY2" fmla="*/ 407504 h 407504"/>
                  <a:gd name="connsiteX3" fmla="*/ 0 w 563217"/>
                  <a:gd name="connsiteY3" fmla="*/ 0 h 407504"/>
                  <a:gd name="connsiteX0" fmla="*/ 0 w 1328530"/>
                  <a:gd name="connsiteY0" fmla="*/ 0 h 414130"/>
                  <a:gd name="connsiteX1" fmla="*/ 1328530 w 1328530"/>
                  <a:gd name="connsiteY1" fmla="*/ 414130 h 414130"/>
                  <a:gd name="connsiteX2" fmla="*/ 0 w 1328530"/>
                  <a:gd name="connsiteY2" fmla="*/ 407504 h 414130"/>
                  <a:gd name="connsiteX3" fmla="*/ 0 w 1328530"/>
                  <a:gd name="connsiteY3" fmla="*/ 0 h 414130"/>
                  <a:gd name="connsiteX0" fmla="*/ 0 w 1328530"/>
                  <a:gd name="connsiteY0" fmla="*/ 0 h 417443"/>
                  <a:gd name="connsiteX1" fmla="*/ 1328530 w 1328530"/>
                  <a:gd name="connsiteY1" fmla="*/ 417443 h 417443"/>
                  <a:gd name="connsiteX2" fmla="*/ 0 w 1328530"/>
                  <a:gd name="connsiteY2" fmla="*/ 407504 h 417443"/>
                  <a:gd name="connsiteX3" fmla="*/ 0 w 1328530"/>
                  <a:gd name="connsiteY3" fmla="*/ 0 h 417443"/>
                  <a:gd name="connsiteX0" fmla="*/ 808383 w 2136913"/>
                  <a:gd name="connsiteY0" fmla="*/ 0 h 427383"/>
                  <a:gd name="connsiteX1" fmla="*/ 2136913 w 2136913"/>
                  <a:gd name="connsiteY1" fmla="*/ 417443 h 427383"/>
                  <a:gd name="connsiteX2" fmla="*/ 0 w 2136913"/>
                  <a:gd name="connsiteY2" fmla="*/ 427383 h 427383"/>
                  <a:gd name="connsiteX3" fmla="*/ 808383 w 2136913"/>
                  <a:gd name="connsiteY3" fmla="*/ 0 h 427383"/>
                  <a:gd name="connsiteX0" fmla="*/ 808383 w 2143539"/>
                  <a:gd name="connsiteY0" fmla="*/ 0 h 427383"/>
                  <a:gd name="connsiteX1" fmla="*/ 2143539 w 2143539"/>
                  <a:gd name="connsiteY1" fmla="*/ 424069 h 427383"/>
                  <a:gd name="connsiteX2" fmla="*/ 0 w 2143539"/>
                  <a:gd name="connsiteY2" fmla="*/ 427383 h 427383"/>
                  <a:gd name="connsiteX3" fmla="*/ 808383 w 2143539"/>
                  <a:gd name="connsiteY3" fmla="*/ 0 h 427383"/>
                  <a:gd name="connsiteX0" fmla="*/ 808383 w 2143539"/>
                  <a:gd name="connsiteY0" fmla="*/ 0 h 427383"/>
                  <a:gd name="connsiteX1" fmla="*/ 1116496 w 2143539"/>
                  <a:gd name="connsiteY1" fmla="*/ 92765 h 427383"/>
                  <a:gd name="connsiteX2" fmla="*/ 2143539 w 2143539"/>
                  <a:gd name="connsiteY2" fmla="*/ 424069 h 427383"/>
                  <a:gd name="connsiteX3" fmla="*/ 0 w 2143539"/>
                  <a:gd name="connsiteY3" fmla="*/ 427383 h 427383"/>
                  <a:gd name="connsiteX4" fmla="*/ 808383 w 2143539"/>
                  <a:gd name="connsiteY4" fmla="*/ 0 h 427383"/>
                  <a:gd name="connsiteX0" fmla="*/ 808383 w 2143539"/>
                  <a:gd name="connsiteY0" fmla="*/ 6626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08383 w 2143539"/>
                  <a:gd name="connsiteY4" fmla="*/ 6626 h 434009"/>
                  <a:gd name="connsiteX0" fmla="*/ 831574 w 2143539"/>
                  <a:gd name="connsiteY0" fmla="*/ 0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31574 w 2143539"/>
                  <a:gd name="connsiteY4" fmla="*/ 0 h 434009"/>
                  <a:gd name="connsiteX0" fmla="*/ 841513 w 2143539"/>
                  <a:gd name="connsiteY0" fmla="*/ 3313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41513 w 2143539"/>
                  <a:gd name="connsiteY4" fmla="*/ 3313 h 43400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143539" h="434009">
                    <a:moveTo>
                      <a:pt x="841513" y="3313"/>
                    </a:moveTo>
                    <a:lnTo>
                      <a:pt x="1143001" y="0"/>
                    </a:lnTo>
                    <a:lnTo>
                      <a:pt x="2143539" y="430695"/>
                    </a:lnTo>
                    <a:lnTo>
                      <a:pt x="0" y="434009"/>
                    </a:lnTo>
                    <a:lnTo>
                      <a:pt x="841513" y="3313"/>
                    </a:lnTo>
                    <a:close/>
                  </a:path>
                </a:pathLst>
              </a:custGeom>
              <a:solidFill>
                <a:srgbClr val="F66616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25" name="Picture 24">
                <a:extLst>
                  <a:ext uri="{FF2B5EF4-FFF2-40B4-BE49-F238E27FC236}">
                    <a16:creationId xmlns:a16="http://schemas.microsoft.com/office/drawing/2014/main" id="{99E4AD5D-F312-4E19-A064-E8F56CCB34F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314057" y="6455075"/>
                <a:ext cx="356122" cy="358491"/>
              </a:xfrm>
              <a:prstGeom prst="rect">
                <a:avLst/>
              </a:prstGeom>
            </p:spPr>
          </p:pic>
          <p:pic>
            <p:nvPicPr>
              <p:cNvPr id="26" name="Picture 25">
                <a:extLst>
                  <a:ext uri="{FF2B5EF4-FFF2-40B4-BE49-F238E27FC236}">
                    <a16:creationId xmlns:a16="http://schemas.microsoft.com/office/drawing/2014/main" id="{B2A7A56C-B505-4CA9-A89B-A4E1A0EDD4C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740541" y="6454925"/>
                <a:ext cx="358790" cy="358790"/>
              </a:xfrm>
              <a:prstGeom prst="rect">
                <a:avLst/>
              </a:prstGeom>
            </p:spPr>
          </p:pic>
          <p:pic>
            <p:nvPicPr>
              <p:cNvPr id="27" name="Picture 26">
                <a:extLst>
                  <a:ext uri="{FF2B5EF4-FFF2-40B4-BE49-F238E27FC236}">
                    <a16:creationId xmlns:a16="http://schemas.microsoft.com/office/drawing/2014/main" id="{537C8968-3E98-461B-A6D4-7E835DC1C99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841310" y="6442676"/>
                <a:ext cx="383288" cy="383288"/>
              </a:xfrm>
              <a:prstGeom prst="rect">
                <a:avLst/>
              </a:prstGeom>
            </p:spPr>
          </p:pic>
          <p:sp>
            <p:nvSpPr>
              <p:cNvPr id="28" name="TextBox 27">
                <a:extLst>
                  <a:ext uri="{FF2B5EF4-FFF2-40B4-BE49-F238E27FC236}">
                    <a16:creationId xmlns:a16="http://schemas.microsoft.com/office/drawing/2014/main" id="{2DA71EF5-8264-475F-B2EF-B0E8859F8803}"/>
                  </a:ext>
                </a:extLst>
              </p:cNvPr>
              <p:cNvSpPr txBox="1"/>
              <p:nvPr/>
            </p:nvSpPr>
            <p:spPr>
              <a:xfrm>
                <a:off x="2103154" y="6379047"/>
                <a:ext cx="272273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id-ID" sz="2400" dirty="0">
                    <a:solidFill>
                      <a:schemeClr val="accent1">
                        <a:lumMod val="20000"/>
                        <a:lumOff val="80000"/>
                      </a:schemeClr>
                    </a:solidFill>
                    <a:latin typeface="Bahnschrift SemiBold Condensed" panose="020B0502040204020203" pitchFamily="34" charset="0"/>
                    <a:ea typeface="Arial Unicode MS" panose="020B0604020202020204" pitchFamily="34" charset="-128"/>
                    <a:cs typeface="Arial Unicode MS" panose="020B0604020202020204" pitchFamily="34" charset="-128"/>
                  </a:rPr>
                  <a:t>Hamdan Husein Batubara</a:t>
                </a:r>
                <a:endParaRPr lang="en-US" sz="2400" dirty="0">
                  <a:solidFill>
                    <a:schemeClr val="accent1">
                      <a:lumMod val="20000"/>
                      <a:lumOff val="80000"/>
                    </a:schemeClr>
                  </a:solidFill>
                  <a:latin typeface="Bahnschrift SemiBold Condensed" panose="020B0502040204020203" pitchFamily="34" charset="0"/>
                  <a:ea typeface="Arial Unicode MS" panose="020B0604020202020204" pitchFamily="34" charset="-128"/>
                  <a:cs typeface="Arial Unicode MS" panose="020B0604020202020204" pitchFamily="34" charset="-128"/>
                </a:endParaRPr>
              </a:p>
            </p:txBody>
          </p:sp>
        </p:grpSp>
        <p:sp>
          <p:nvSpPr>
            <p:cNvPr id="14" name="Rectangle 1">
              <a:extLst>
                <a:ext uri="{FF2B5EF4-FFF2-40B4-BE49-F238E27FC236}">
                  <a16:creationId xmlns:a16="http://schemas.microsoft.com/office/drawing/2014/main" id="{CC8C7C67-AC40-4CCE-8F5E-5B74282F31D8}"/>
                </a:ext>
              </a:extLst>
            </p:cNvPr>
            <p:cNvSpPr/>
            <p:nvPr/>
          </p:nvSpPr>
          <p:spPr>
            <a:xfrm>
              <a:off x="11527104" y="6351096"/>
              <a:ext cx="664895" cy="50449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 1">
              <a:extLst>
                <a:ext uri="{FF2B5EF4-FFF2-40B4-BE49-F238E27FC236}">
                  <a16:creationId xmlns:a16="http://schemas.microsoft.com/office/drawing/2014/main" id="{7B1F89A9-C7C4-42D6-9336-E2AEA9E232DE}"/>
                </a:ext>
              </a:extLst>
            </p:cNvPr>
            <p:cNvSpPr/>
            <p:nvPr/>
          </p:nvSpPr>
          <p:spPr>
            <a:xfrm rot="16200000">
              <a:off x="11607318" y="77688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 1">
              <a:extLst>
                <a:ext uri="{FF2B5EF4-FFF2-40B4-BE49-F238E27FC236}">
                  <a16:creationId xmlns:a16="http://schemas.microsoft.com/office/drawing/2014/main" id="{0E99C626-78DA-4D1F-9435-4B8B65E6CD35}"/>
                </a:ext>
              </a:extLst>
            </p:cNvPr>
            <p:cNvSpPr/>
            <p:nvPr/>
          </p:nvSpPr>
          <p:spPr>
            <a:xfrm rot="5400000" flipH="1">
              <a:off x="-82262" y="77687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 30">
              <a:extLst>
                <a:ext uri="{FF2B5EF4-FFF2-40B4-BE49-F238E27FC236}">
                  <a16:creationId xmlns:a16="http://schemas.microsoft.com/office/drawing/2014/main" id="{E2793ABF-20AC-4BBB-8D64-253DE7CE51B3}"/>
                </a:ext>
              </a:extLst>
            </p:cNvPr>
            <p:cNvSpPr/>
            <p:nvPr/>
          </p:nvSpPr>
          <p:spPr>
            <a:xfrm>
              <a:off x="3230764" y="-56"/>
              <a:ext cx="5721173" cy="346895"/>
            </a:xfrm>
            <a:custGeom>
              <a:avLst/>
              <a:gdLst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5044966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55465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14133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745320 w 5044966"/>
                <a:gd name="connsiteY2" fmla="*/ 340628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553550 w 5044966"/>
                <a:gd name="connsiteY2" fmla="*/ 284882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669621 w 5044966"/>
                <a:gd name="connsiteY2" fmla="*/ 351776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130758"/>
                <a:gd name="connsiteY0" fmla="*/ 5574 h 358769"/>
                <a:gd name="connsiteX1" fmla="*/ 5130758 w 5130758"/>
                <a:gd name="connsiteY1" fmla="*/ 0 h 358769"/>
                <a:gd name="connsiteX2" fmla="*/ 4669621 w 5130758"/>
                <a:gd name="connsiteY2" fmla="*/ 357350 h 358769"/>
                <a:gd name="connsiteX3" fmla="*/ 314133 w 5130758"/>
                <a:gd name="connsiteY3" fmla="*/ 358769 h 358769"/>
                <a:gd name="connsiteX4" fmla="*/ 0 w 5130758"/>
                <a:gd name="connsiteY4" fmla="*/ 5574 h 358769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465532 w 5130758"/>
                <a:gd name="connsiteY3" fmla="*/ 342045 h 357350"/>
                <a:gd name="connsiteX4" fmla="*/ 0 w 5130758"/>
                <a:gd name="connsiteY4" fmla="*/ 5574 h 357350"/>
                <a:gd name="connsiteX0" fmla="*/ 0 w 5130758"/>
                <a:gd name="connsiteY0" fmla="*/ 5574 h 364343"/>
                <a:gd name="connsiteX1" fmla="*/ 5130758 w 5130758"/>
                <a:gd name="connsiteY1" fmla="*/ 0 h 364343"/>
                <a:gd name="connsiteX2" fmla="*/ 4669621 w 5130758"/>
                <a:gd name="connsiteY2" fmla="*/ 357350 h 364343"/>
                <a:gd name="connsiteX3" fmla="*/ 314134 w 5130758"/>
                <a:gd name="connsiteY3" fmla="*/ 364343 h 364343"/>
                <a:gd name="connsiteX4" fmla="*/ 0 w 5130758"/>
                <a:gd name="connsiteY4" fmla="*/ 5574 h 364343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59554 w 5130758"/>
                <a:gd name="connsiteY3" fmla="*/ 286298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34321 w 5130758"/>
                <a:gd name="connsiteY3" fmla="*/ 336470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29274 w 5130758"/>
                <a:gd name="connsiteY3" fmla="*/ 353194 h 357350"/>
                <a:gd name="connsiteX4" fmla="*/ 0 w 5130758"/>
                <a:gd name="connsiteY4" fmla="*/ 5574 h 357350"/>
                <a:gd name="connsiteX0" fmla="*/ 0 w 5231690"/>
                <a:gd name="connsiteY0" fmla="*/ 27873 h 357350"/>
                <a:gd name="connsiteX1" fmla="*/ 5231690 w 5231690"/>
                <a:gd name="connsiteY1" fmla="*/ 0 h 357350"/>
                <a:gd name="connsiteX2" fmla="*/ 4770553 w 5231690"/>
                <a:gd name="connsiteY2" fmla="*/ 357350 h 357350"/>
                <a:gd name="connsiteX3" fmla="*/ 430206 w 5231690"/>
                <a:gd name="connsiteY3" fmla="*/ 353194 h 357350"/>
                <a:gd name="connsiteX4" fmla="*/ 0 w 5231690"/>
                <a:gd name="connsiteY4" fmla="*/ 27873 h 357350"/>
                <a:gd name="connsiteX0" fmla="*/ 0 w 5221597"/>
                <a:gd name="connsiteY0" fmla="*/ 22298 h 357350"/>
                <a:gd name="connsiteX1" fmla="*/ 5221597 w 5221597"/>
                <a:gd name="connsiteY1" fmla="*/ 0 h 357350"/>
                <a:gd name="connsiteX2" fmla="*/ 4760460 w 5221597"/>
                <a:gd name="connsiteY2" fmla="*/ 357350 h 357350"/>
                <a:gd name="connsiteX3" fmla="*/ 420113 w 5221597"/>
                <a:gd name="connsiteY3" fmla="*/ 353194 h 357350"/>
                <a:gd name="connsiteX4" fmla="*/ 0 w 5221597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80647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65508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64540"/>
                <a:gd name="connsiteY0" fmla="*/ 0 h 360601"/>
                <a:gd name="connsiteX1" fmla="*/ 5264540 w 5264540"/>
                <a:gd name="connsiteY1" fmla="*/ 3251 h 360601"/>
                <a:gd name="connsiteX2" fmla="*/ 4788264 w 5264540"/>
                <a:gd name="connsiteY2" fmla="*/ 360601 h 360601"/>
                <a:gd name="connsiteX3" fmla="*/ 463056 w 5264540"/>
                <a:gd name="connsiteY3" fmla="*/ 356445 h 360601"/>
                <a:gd name="connsiteX4" fmla="*/ 0 w 5264540"/>
                <a:gd name="connsiteY4" fmla="*/ 0 h 360601"/>
                <a:gd name="connsiteX0" fmla="*/ 0 w 5264540"/>
                <a:gd name="connsiteY0" fmla="*/ 3136 h 357350"/>
                <a:gd name="connsiteX1" fmla="*/ 5264540 w 5264540"/>
                <a:gd name="connsiteY1" fmla="*/ 0 h 357350"/>
                <a:gd name="connsiteX2" fmla="*/ 4788264 w 5264540"/>
                <a:gd name="connsiteY2" fmla="*/ 357350 h 357350"/>
                <a:gd name="connsiteX3" fmla="*/ 463056 w 5264540"/>
                <a:gd name="connsiteY3" fmla="*/ 353194 h 357350"/>
                <a:gd name="connsiteX4" fmla="*/ 0 w 5264540"/>
                <a:gd name="connsiteY4" fmla="*/ 3136 h 357350"/>
                <a:gd name="connsiteX0" fmla="*/ 0 w 5244628"/>
                <a:gd name="connsiteY0" fmla="*/ 3136 h 357350"/>
                <a:gd name="connsiteX1" fmla="*/ 5244628 w 5244628"/>
                <a:gd name="connsiteY1" fmla="*/ 0 h 357350"/>
                <a:gd name="connsiteX2" fmla="*/ 4768352 w 5244628"/>
                <a:gd name="connsiteY2" fmla="*/ 357350 h 357350"/>
                <a:gd name="connsiteX3" fmla="*/ 443144 w 5244628"/>
                <a:gd name="connsiteY3" fmla="*/ 353194 h 357350"/>
                <a:gd name="connsiteX4" fmla="*/ 0 w 5244628"/>
                <a:gd name="connsiteY4" fmla="*/ 3136 h 357350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774041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809005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250317" h="357408">
                  <a:moveTo>
                    <a:pt x="0" y="0"/>
                  </a:moveTo>
                  <a:lnTo>
                    <a:pt x="5250317" y="58"/>
                  </a:lnTo>
                  <a:lnTo>
                    <a:pt x="4809005" y="357408"/>
                  </a:lnTo>
                  <a:lnTo>
                    <a:pt x="448833" y="353252"/>
                  </a:lnTo>
                  <a:lnTo>
                    <a:pt x="0" y="0"/>
                  </a:lnTo>
                  <a:close/>
                </a:path>
              </a:pathLst>
            </a:custGeom>
            <a:gradFill flip="none" rotWithShape="1">
              <a:gsLst>
                <a:gs pos="0">
                  <a:srgbClr val="005392"/>
                </a:gs>
                <a:gs pos="31000">
                  <a:srgbClr val="0070C0"/>
                </a:gs>
                <a:gs pos="46104">
                  <a:srgbClr val="0171C0"/>
                </a:gs>
                <a:gs pos="63000">
                  <a:srgbClr val="0674C3"/>
                </a:gs>
                <a:gs pos="100000">
                  <a:srgbClr val="005392"/>
                </a:gs>
              </a:gsLst>
              <a:path path="circle">
                <a:fillToRect l="100000" b="100000"/>
              </a:path>
              <a:tileRect t="-100000" r="-100000"/>
            </a:gra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  <p:sp>
          <p:nvSpPr>
            <p:cNvPr id="18" name="TextBox 17">
              <a:extLst>
                <a:ext uri="{FF2B5EF4-FFF2-40B4-BE49-F238E27FC236}">
                  <a16:creationId xmlns:a16="http://schemas.microsoft.com/office/drawing/2014/main" id="{565FB16C-CB60-4700-ACBA-CB1CE7FC5E62}"/>
                </a:ext>
              </a:extLst>
            </p:cNvPr>
            <p:cNvSpPr txBox="1"/>
            <p:nvPr/>
          </p:nvSpPr>
          <p:spPr>
            <a:xfrm>
              <a:off x="3594093" y="-27055"/>
              <a:ext cx="4958362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endParaRPr lang="en-US" sz="2000" dirty="0">
                <a:solidFill>
                  <a:schemeClr val="bg1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40023044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" dur="20000" fill="hold"/>
                                        <p:tgtEl>
                                          <p:spTgt spid="7"/>
                                        </p:tgtEl>
                                      </p:cBhvr>
                                      <p:by x="150000" y="15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theme" Target="../theme/theme1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95000"/>
          </a:schemeClr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838200" y="365127"/>
            <a:ext cx="9946341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300"/>
              <a:buFont typeface="Libre Franklin Medium"/>
              <a:buNone/>
              <a:defRPr sz="3300" b="0" i="0" u="none" strike="noStrike" cap="none">
                <a:solidFill>
                  <a:schemeClr val="dk1"/>
                </a:solidFill>
                <a:latin typeface="Libre Franklin Medium"/>
                <a:ea typeface="Libre Franklin Medium"/>
                <a:cs typeface="Libre Franklin Medium"/>
                <a:sym typeface="Libre Franklin Medium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 dirty="0"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L="457200" marR="0" lvl="0" indent="-355600" algn="l" rtl="0">
              <a:lnSpc>
                <a:spcPct val="90000"/>
              </a:lnSpc>
              <a:spcBef>
                <a:spcPts val="75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Arial Narrow"/>
                <a:ea typeface="Arial Narrow"/>
                <a:cs typeface="Arial Narrow"/>
                <a:sym typeface="Arial Narrow"/>
              </a:defRPr>
            </a:lvl1pPr>
            <a:lvl2pPr marL="914400" marR="0" lvl="1" indent="-355600" algn="l" rtl="0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Arial Narrow"/>
                <a:ea typeface="Arial Narrow"/>
                <a:cs typeface="Arial Narrow"/>
                <a:sym typeface="Arial Narrow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Arial Narrow"/>
                <a:ea typeface="Arial Narrow"/>
                <a:cs typeface="Arial Narrow"/>
                <a:sym typeface="Arial Narrow"/>
              </a:defRPr>
            </a:lvl3pPr>
            <a:lvl4pPr marL="1828800" marR="0" lvl="3" indent="-355600" algn="l" rtl="0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Arial Narrow"/>
                <a:ea typeface="Arial Narrow"/>
                <a:cs typeface="Arial Narrow"/>
                <a:sym typeface="Arial Narrow"/>
              </a:defRPr>
            </a:lvl4pPr>
            <a:lvl5pPr marL="2286000" marR="0" lvl="4" indent="-355600" algn="l" rtl="0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Arial Narrow"/>
                <a:ea typeface="Arial Narrow"/>
                <a:cs typeface="Arial Narrow"/>
                <a:sym typeface="Arial Narrow"/>
              </a:defRPr>
            </a:lvl5pPr>
            <a:lvl6pPr marL="2743200" marR="0" lvl="5" indent="-314325" algn="l" rtl="0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350"/>
              <a:buFont typeface="Arial"/>
              <a:buChar char="•"/>
              <a:defRPr sz="135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6pPr>
            <a:lvl7pPr marL="3200400" marR="0" lvl="6" indent="-314325" algn="l" rtl="0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350"/>
              <a:buFont typeface="Arial"/>
              <a:buChar char="•"/>
              <a:defRPr sz="135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7pPr>
            <a:lvl8pPr marL="3657600" marR="0" lvl="7" indent="-314325" algn="l" rtl="0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350"/>
              <a:buFont typeface="Arial"/>
              <a:buChar char="•"/>
              <a:defRPr sz="135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8pPr>
            <a:lvl9pPr marL="4114800" marR="0" lvl="8" indent="-314325" algn="l" rtl="0">
              <a:lnSpc>
                <a:spcPct val="90000"/>
              </a:lnSpc>
              <a:spcBef>
                <a:spcPts val="375"/>
              </a:spcBef>
              <a:spcAft>
                <a:spcPts val="0"/>
              </a:spcAft>
              <a:buClr>
                <a:schemeClr val="dk1"/>
              </a:buClr>
              <a:buSzPts val="1350"/>
              <a:buFont typeface="Arial"/>
              <a:buChar char="•"/>
              <a:defRPr sz="135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dt" idx="10"/>
          </p:nvPr>
        </p:nvSpPr>
        <p:spPr>
          <a:xfrm>
            <a:off x="838200" y="6356352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9pPr>
          </a:lstStyle>
          <a:p>
            <a:fld id="{0357C6C0-AABB-4157-AA16-B020FA7876E3}" type="datetimeFigureOut">
              <a:rPr lang="en-US" smtClean="0"/>
              <a:t>7/5/2020</a:t>
            </a:fld>
            <a:endParaRPr lang="en-US"/>
          </a:p>
        </p:txBody>
      </p:sp>
      <p:sp>
        <p:nvSpPr>
          <p:cNvPr id="9" name="Google Shape;9;p1"/>
          <p:cNvSpPr txBox="1">
            <a:spLocks noGrp="1"/>
          </p:cNvSpPr>
          <p:nvPr>
            <p:ph type="ftr" idx="11"/>
          </p:nvPr>
        </p:nvSpPr>
        <p:spPr>
          <a:xfrm>
            <a:off x="4038600" y="6356352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9pPr>
          </a:lstStyle>
          <a:p>
            <a:endParaRPr lang="en-US"/>
          </a:p>
        </p:txBody>
      </p:sp>
      <p:sp>
        <p:nvSpPr>
          <p:cNvPr id="10" name="Google Shape;10;p1"/>
          <p:cNvSpPr txBox="1">
            <a:spLocks noGrp="1"/>
          </p:cNvSpPr>
          <p:nvPr>
            <p:ph type="sldNum" idx="12"/>
          </p:nvPr>
        </p:nvSpPr>
        <p:spPr>
          <a:xfrm>
            <a:off x="8610600" y="6356352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1pPr>
            <a:lvl2pPr marL="0" marR="0" lvl="1" indent="0" algn="r" rtl="0">
              <a:spcBef>
                <a:spcPts val="0"/>
              </a:spcBef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2pPr>
            <a:lvl3pPr marL="0" marR="0" lvl="2" indent="0" algn="r" rtl="0">
              <a:spcBef>
                <a:spcPts val="0"/>
              </a:spcBef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3pPr>
            <a:lvl4pPr marL="0" marR="0" lvl="3" indent="0" algn="r" rtl="0">
              <a:spcBef>
                <a:spcPts val="0"/>
              </a:spcBef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4pPr>
            <a:lvl5pPr marL="0" marR="0" lvl="4" indent="0" algn="r" rtl="0">
              <a:spcBef>
                <a:spcPts val="0"/>
              </a:spcBef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5pPr>
            <a:lvl6pPr marL="0" marR="0" lvl="5" indent="0" algn="r" rtl="0">
              <a:spcBef>
                <a:spcPts val="0"/>
              </a:spcBef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6pPr>
            <a:lvl7pPr marL="0" marR="0" lvl="6" indent="0" algn="r" rtl="0">
              <a:spcBef>
                <a:spcPts val="0"/>
              </a:spcBef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7pPr>
            <a:lvl8pPr marL="0" marR="0" lvl="7" indent="0" algn="r" rtl="0">
              <a:spcBef>
                <a:spcPts val="0"/>
              </a:spcBef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8pPr>
            <a:lvl9pPr marL="0" marR="0" lvl="8" indent="0" algn="r" rtl="0">
              <a:spcBef>
                <a:spcPts val="0"/>
              </a:spcBef>
              <a:buNone/>
              <a:defRPr sz="900" b="0" i="0" u="none" strike="noStrike" cap="none">
                <a:solidFill>
                  <a:srgbClr val="888888"/>
                </a:solidFill>
                <a:latin typeface="Libre Franklin"/>
                <a:ea typeface="Libre Franklin"/>
                <a:cs typeface="Libre Franklin"/>
                <a:sym typeface="Libre Franklin"/>
              </a:defRPr>
            </a:lvl9pPr>
          </a:lstStyle>
          <a:p>
            <a:fld id="{BEE143CA-6984-4881-8D47-33321B0DF98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39069923"/>
      </p:ext>
    </p:extLst>
  </p:cSld>
  <p:clrMap bg1="lt1" tx1="dk1" bg2="dk2" tx2="lt2" accent1="accent1" accent2="accent2" accent3="accent3" accent4="accent4" accent5="accent5" accent6="accent6" hlink="hlink" folHlink="folHlink"/>
  <p:sldLayoutIdLst>
    <p:sldLayoutId id="2147483671" r:id="rId1"/>
    <p:sldLayoutId id="2147483670" r:id="rId2"/>
    <p:sldLayoutId id="2147483664" r:id="rId3"/>
    <p:sldLayoutId id="2147483668" r:id="rId4"/>
  </p:sldLayoutIdLst>
  <mc:AlternateContent xmlns:mc="http://schemas.openxmlformats.org/markup-compatibility/2006" xmlns:p14="http://schemas.microsoft.com/office/powerpoint/2010/main">
    <mc:Choice Requires="p14">
      <p:transition spd="slow" p14:dur="1600">
        <p:fade/>
      </p:transition>
    </mc:Choice>
    <mc:Fallback xmlns="" xmlns:mv="urn:schemas-microsoft-com:mac:vml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5="http://schemas.microsoft.com/office/powerpoint/2012/main">
      <p:transition spd="slow">
        <p:fade/>
      </p:transition>
    </mc:Fallback>
  </mc:AlternateContent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 eaLnBrk="1" hangingPunct="1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13" Type="http://schemas.openxmlformats.org/officeDocument/2006/relationships/image" Target="../media/image4.png"/><Relationship Id="rId3" Type="http://schemas.openxmlformats.org/officeDocument/2006/relationships/image" Target="../media/image13.png"/><Relationship Id="rId7" Type="http://schemas.openxmlformats.org/officeDocument/2006/relationships/image" Target="../media/image15.png"/><Relationship Id="rId12" Type="http://schemas.openxmlformats.org/officeDocument/2006/relationships/image" Target="../media/image3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14.png"/><Relationship Id="rId11" Type="http://schemas.openxmlformats.org/officeDocument/2006/relationships/image" Target="../media/image2.png"/><Relationship Id="rId5" Type="http://schemas.openxmlformats.org/officeDocument/2006/relationships/hyperlink" Target="https://www.pinstok.com/id/gambar-awan" TargetMode="External"/><Relationship Id="rId10" Type="http://schemas.openxmlformats.org/officeDocument/2006/relationships/image" Target="../media/image17.png"/><Relationship Id="rId4" Type="http://schemas.microsoft.com/office/2007/relationships/hdphoto" Target="../media/hdphoto1.wdp"/><Relationship Id="rId9" Type="http://schemas.microsoft.com/office/2007/relationships/hdphoto" Target="../media/hdphoto3.wdp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9.png"/><Relationship Id="rId7" Type="http://schemas.openxmlformats.org/officeDocument/2006/relationships/image" Target="../media/image4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3.png"/><Relationship Id="rId5" Type="http://schemas.openxmlformats.org/officeDocument/2006/relationships/image" Target="../media/image2.png"/><Relationship Id="rId4" Type="http://schemas.microsoft.com/office/2007/relationships/hdphoto" Target="../media/hdphoto4.wdp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70.png"/><Relationship Id="rId7" Type="http://schemas.openxmlformats.org/officeDocument/2006/relationships/image" Target="../media/image73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4.xml"/><Relationship Id="rId6" Type="http://schemas.microsoft.com/office/2007/relationships/hdphoto" Target="../media/hdphoto5.wdp"/><Relationship Id="rId5" Type="http://schemas.openxmlformats.org/officeDocument/2006/relationships/image" Target="../media/image72.png"/><Relationship Id="rId10" Type="http://schemas.openxmlformats.org/officeDocument/2006/relationships/image" Target="../media/image4.png"/><Relationship Id="rId4" Type="http://schemas.openxmlformats.org/officeDocument/2006/relationships/image" Target="../media/image71.png"/><Relationship Id="rId9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3.svg"/><Relationship Id="rId3" Type="http://schemas.openxmlformats.org/officeDocument/2006/relationships/image" Target="../media/image18.png"/><Relationship Id="rId7" Type="http://schemas.openxmlformats.org/officeDocument/2006/relationships/image" Target="../media/image22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1.svg"/><Relationship Id="rId5" Type="http://schemas.openxmlformats.org/officeDocument/2006/relationships/image" Target="../media/image20.png"/><Relationship Id="rId4" Type="http://schemas.openxmlformats.org/officeDocument/2006/relationships/image" Target="../media/image19.svg"/><Relationship Id="rId9" Type="http://schemas.openxmlformats.org/officeDocument/2006/relationships/image" Target="../media/image24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png"/><Relationship Id="rId13" Type="http://schemas.openxmlformats.org/officeDocument/2006/relationships/slide" Target="slide8.xml"/><Relationship Id="rId3" Type="http://schemas.openxmlformats.org/officeDocument/2006/relationships/image" Target="../media/image25.png"/><Relationship Id="rId7" Type="http://schemas.openxmlformats.org/officeDocument/2006/relationships/image" Target="../media/image29.png"/><Relationship Id="rId12" Type="http://schemas.openxmlformats.org/officeDocument/2006/relationships/slide" Target="slide7.xml"/><Relationship Id="rId17" Type="http://schemas.openxmlformats.org/officeDocument/2006/relationships/image" Target="../media/image31.png"/><Relationship Id="rId2" Type="http://schemas.openxmlformats.org/officeDocument/2006/relationships/notesSlide" Target="../notesSlides/notesSlide3.xml"/><Relationship Id="rId16" Type="http://schemas.openxmlformats.org/officeDocument/2006/relationships/slide" Target="slide10.xml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28.png"/><Relationship Id="rId11" Type="http://schemas.openxmlformats.org/officeDocument/2006/relationships/slide" Target="slide6.xml"/><Relationship Id="rId5" Type="http://schemas.openxmlformats.org/officeDocument/2006/relationships/image" Target="../media/image27.png"/><Relationship Id="rId15" Type="http://schemas.openxmlformats.org/officeDocument/2006/relationships/image" Target="../media/image31.png"/><Relationship Id="rId10" Type="http://schemas.openxmlformats.org/officeDocument/2006/relationships/slide" Target="slide5.xml"/><Relationship Id="rId4" Type="http://schemas.openxmlformats.org/officeDocument/2006/relationships/image" Target="../media/image26.png"/><Relationship Id="rId9" Type="http://schemas.openxmlformats.org/officeDocument/2006/relationships/slide" Target="slide4.xml"/><Relationship Id="rId14" Type="http://schemas.openxmlformats.org/officeDocument/2006/relationships/slide" Target="slide9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jp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35.jpeg"/><Relationship Id="rId5" Type="http://schemas.openxmlformats.org/officeDocument/2006/relationships/image" Target="../media/image34.jpeg"/><Relationship Id="rId4" Type="http://schemas.openxmlformats.org/officeDocument/2006/relationships/image" Target="../media/image3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svg"/><Relationship Id="rId13" Type="http://schemas.openxmlformats.org/officeDocument/2006/relationships/image" Target="../media/image47.png"/><Relationship Id="rId3" Type="http://schemas.openxmlformats.org/officeDocument/2006/relationships/image" Target="../media/image37.png"/><Relationship Id="rId7" Type="http://schemas.openxmlformats.org/officeDocument/2006/relationships/image" Target="../media/image41.png"/><Relationship Id="rId12" Type="http://schemas.openxmlformats.org/officeDocument/2006/relationships/image" Target="../media/image46.svg"/><Relationship Id="rId17" Type="http://schemas.openxmlformats.org/officeDocument/2006/relationships/image" Target="../media/image4.png"/><Relationship Id="rId2" Type="http://schemas.openxmlformats.org/officeDocument/2006/relationships/notesSlide" Target="../notesSlides/notesSlide6.xml"/><Relationship Id="rId16" Type="http://schemas.openxmlformats.org/officeDocument/2006/relationships/image" Target="../media/image3.png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40.svg"/><Relationship Id="rId11" Type="http://schemas.openxmlformats.org/officeDocument/2006/relationships/image" Target="../media/image45.png"/><Relationship Id="rId5" Type="http://schemas.openxmlformats.org/officeDocument/2006/relationships/image" Target="../media/image39.png"/><Relationship Id="rId15" Type="http://schemas.openxmlformats.org/officeDocument/2006/relationships/image" Target="../media/image2.png"/><Relationship Id="rId10" Type="http://schemas.openxmlformats.org/officeDocument/2006/relationships/image" Target="../media/image44.svg"/><Relationship Id="rId4" Type="http://schemas.openxmlformats.org/officeDocument/2006/relationships/image" Target="../media/image38.svg"/><Relationship Id="rId9" Type="http://schemas.openxmlformats.org/officeDocument/2006/relationships/image" Target="../media/image43.png"/><Relationship Id="rId14" Type="http://schemas.openxmlformats.org/officeDocument/2006/relationships/image" Target="../media/image48.sv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4.svg"/><Relationship Id="rId13" Type="http://schemas.openxmlformats.org/officeDocument/2006/relationships/image" Target="../media/image59.png"/><Relationship Id="rId3" Type="http://schemas.openxmlformats.org/officeDocument/2006/relationships/image" Target="../media/image49.png"/><Relationship Id="rId7" Type="http://schemas.openxmlformats.org/officeDocument/2006/relationships/image" Target="../media/image53.png"/><Relationship Id="rId12" Type="http://schemas.openxmlformats.org/officeDocument/2006/relationships/image" Target="../media/image58.sv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52.svg"/><Relationship Id="rId11" Type="http://schemas.openxmlformats.org/officeDocument/2006/relationships/image" Target="../media/image57.png"/><Relationship Id="rId5" Type="http://schemas.openxmlformats.org/officeDocument/2006/relationships/image" Target="../media/image51.png"/><Relationship Id="rId10" Type="http://schemas.openxmlformats.org/officeDocument/2006/relationships/image" Target="../media/image56.svg"/><Relationship Id="rId4" Type="http://schemas.openxmlformats.org/officeDocument/2006/relationships/image" Target="../media/image50.svg"/><Relationship Id="rId9" Type="http://schemas.openxmlformats.org/officeDocument/2006/relationships/image" Target="../media/image55.png"/><Relationship Id="rId14" Type="http://schemas.openxmlformats.org/officeDocument/2006/relationships/image" Target="../media/image60.sv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66.svg"/><Relationship Id="rId3" Type="http://schemas.openxmlformats.org/officeDocument/2006/relationships/image" Target="../media/image61.png"/><Relationship Id="rId7" Type="http://schemas.openxmlformats.org/officeDocument/2006/relationships/image" Target="../media/image65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64.svg"/><Relationship Id="rId5" Type="http://schemas.openxmlformats.org/officeDocument/2006/relationships/image" Target="../media/image63.png"/><Relationship Id="rId10" Type="http://schemas.openxmlformats.org/officeDocument/2006/relationships/image" Target="../media/image68.svg"/><Relationship Id="rId4" Type="http://schemas.openxmlformats.org/officeDocument/2006/relationships/image" Target="../media/image62.svg"/><Relationship Id="rId9" Type="http://schemas.openxmlformats.org/officeDocument/2006/relationships/image" Target="../media/image6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Picture 24">
            <a:extLst>
              <a:ext uri="{FF2B5EF4-FFF2-40B4-BE49-F238E27FC236}">
                <a16:creationId xmlns:a16="http://schemas.microsoft.com/office/drawing/2014/main" id="{741DCF45-1A12-47DD-BF9C-5860BEEB875C}"/>
              </a:ext>
            </a:extLst>
          </p:cNvPr>
          <p:cNvPicPr>
            <a:picLocks noChangeAspect="1"/>
          </p:cNvPicPr>
          <p:nvPr/>
        </p:nvPicPr>
        <p:blipFill>
          <a:blip r:embed="rId3" cstate="screen">
            <a:duotone>
              <a:schemeClr val="accent4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aturation sat="4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  <a:ext uri="{837473B0-CC2E-450A-ABE3-18F120FF3D39}">
                <a1611:picAttrSrcUrl xmlns:a1611="http://schemas.microsoft.com/office/drawing/2016/11/main" r:id="rId5"/>
              </a:ext>
            </a:extLst>
          </a:blip>
          <a:stretch>
            <a:fillRect/>
          </a:stretch>
        </p:blipFill>
        <p:spPr>
          <a:xfrm>
            <a:off x="217714" y="0"/>
            <a:ext cx="11767457" cy="6858000"/>
          </a:xfrm>
          <a:prstGeom prst="rect">
            <a:avLst/>
          </a:prstGeom>
        </p:spPr>
      </p:pic>
      <p:pic>
        <p:nvPicPr>
          <p:cNvPr id="27" name="Picture 26">
            <a:extLst>
              <a:ext uri="{FF2B5EF4-FFF2-40B4-BE49-F238E27FC236}">
                <a16:creationId xmlns:a16="http://schemas.microsoft.com/office/drawing/2014/main" id="{36E631B5-F3A5-4866-9713-EB2F3EE306B9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49" t="2623" r="2706" b="4599"/>
          <a:stretch/>
        </p:blipFill>
        <p:spPr>
          <a:xfrm>
            <a:off x="482321" y="371790"/>
            <a:ext cx="4170066" cy="4622241"/>
          </a:xfrm>
          <a:prstGeom prst="rect">
            <a:avLst/>
          </a:prstGeom>
          <a:effectLst>
            <a:glow rad="101600">
              <a:schemeClr val="bg1">
                <a:alpha val="84000"/>
              </a:schemeClr>
            </a:glow>
          </a:effectLst>
        </p:spPr>
      </p:pic>
      <p:sp>
        <p:nvSpPr>
          <p:cNvPr id="45" name="Freeform 44"/>
          <p:cNvSpPr/>
          <p:nvPr/>
        </p:nvSpPr>
        <p:spPr>
          <a:xfrm>
            <a:off x="272143" y="3721395"/>
            <a:ext cx="11789228" cy="3136606"/>
          </a:xfrm>
          <a:custGeom>
            <a:avLst/>
            <a:gdLst>
              <a:gd name="connsiteX0" fmla="*/ 10340355 w 12191999"/>
              <a:gd name="connsiteY0" fmla="*/ 0 h 4953001"/>
              <a:gd name="connsiteX1" fmla="*/ 11921557 w 12191999"/>
              <a:gd name="connsiteY1" fmla="*/ 298901 h 4953001"/>
              <a:gd name="connsiteX2" fmla="*/ 12191999 w 12191999"/>
              <a:gd name="connsiteY2" fmla="*/ 421557 h 4953001"/>
              <a:gd name="connsiteX3" fmla="*/ 12191999 w 12191999"/>
              <a:gd name="connsiteY3" fmla="*/ 2262552 h 4953001"/>
              <a:gd name="connsiteX4" fmla="*/ 12191999 w 12191999"/>
              <a:gd name="connsiteY4" fmla="*/ 4531443 h 4953001"/>
              <a:gd name="connsiteX5" fmla="*/ 12191999 w 12191999"/>
              <a:gd name="connsiteY5" fmla="*/ 4952999 h 4953001"/>
              <a:gd name="connsiteX6" fmla="*/ 10340399 w 12191999"/>
              <a:gd name="connsiteY6" fmla="*/ 4952999 h 4953001"/>
              <a:gd name="connsiteX7" fmla="*/ 10340355 w 12191999"/>
              <a:gd name="connsiteY7" fmla="*/ 4953000 h 4953001"/>
              <a:gd name="connsiteX8" fmla="*/ 10340328 w 12191999"/>
              <a:gd name="connsiteY8" fmla="*/ 4952999 h 4953001"/>
              <a:gd name="connsiteX9" fmla="*/ 5604870 w 12191999"/>
              <a:gd name="connsiteY9" fmla="*/ 4952999 h 4953001"/>
              <a:gd name="connsiteX10" fmla="*/ 5604809 w 12191999"/>
              <a:gd name="connsiteY10" fmla="*/ 4953001 h 4953001"/>
              <a:gd name="connsiteX11" fmla="*/ 5604748 w 12191999"/>
              <a:gd name="connsiteY11" fmla="*/ 4952999 h 4953001"/>
              <a:gd name="connsiteX12" fmla="*/ 0 w 12191999"/>
              <a:gd name="connsiteY12" fmla="*/ 4952999 h 4953001"/>
              <a:gd name="connsiteX13" fmla="*/ 0 w 12191999"/>
              <a:gd name="connsiteY13" fmla="*/ 4151859 h 4953001"/>
              <a:gd name="connsiteX14" fmla="*/ 0 w 12191999"/>
              <a:gd name="connsiteY14" fmla="*/ 3009899 h 4953001"/>
              <a:gd name="connsiteX15" fmla="*/ 0 w 12191999"/>
              <a:gd name="connsiteY15" fmla="*/ 2773550 h 4953001"/>
              <a:gd name="connsiteX16" fmla="*/ 73056 w 12191999"/>
              <a:gd name="connsiteY16" fmla="*/ 2693371 h 4953001"/>
              <a:gd name="connsiteX17" fmla="*/ 1784350 w 12191999"/>
              <a:gd name="connsiteY17" fmla="*/ 2086708 h 4953001"/>
              <a:gd name="connsiteX18" fmla="*/ 2979029 w 12191999"/>
              <a:gd name="connsiteY18" fmla="*/ 2340572 h 4953001"/>
              <a:gd name="connsiteX19" fmla="*/ 3035542 w 12191999"/>
              <a:gd name="connsiteY19" fmla="*/ 2370916 h 4953001"/>
              <a:gd name="connsiteX20" fmla="*/ 3122083 w 12191999"/>
              <a:gd name="connsiteY20" fmla="*/ 2254650 h 4953001"/>
              <a:gd name="connsiteX21" fmla="*/ 5604809 w 12191999"/>
              <a:gd name="connsiteY21" fmla="*/ 1298331 h 4953001"/>
              <a:gd name="connsiteX22" fmla="*/ 7183460 w 12191999"/>
              <a:gd name="connsiteY22" fmla="*/ 1610411 h 4953001"/>
              <a:gd name="connsiteX23" fmla="*/ 7225764 w 12191999"/>
              <a:gd name="connsiteY23" fmla="*/ 1630884 h 4953001"/>
              <a:gd name="connsiteX24" fmla="*/ 7283786 w 12191999"/>
              <a:gd name="connsiteY24" fmla="*/ 1512535 h 4953001"/>
              <a:gd name="connsiteX25" fmla="*/ 10340355 w 12191999"/>
              <a:gd name="connsiteY25" fmla="*/ 0 h 495300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</a:cxnLst>
            <a:rect l="l" t="t" r="r" b="b"/>
            <a:pathLst>
              <a:path w="12191999" h="4953001">
                <a:moveTo>
                  <a:pt x="10340355" y="0"/>
                </a:moveTo>
                <a:cubicBezTo>
                  <a:pt x="10912877" y="0"/>
                  <a:pt x="11451524" y="108278"/>
                  <a:pt x="11921557" y="298901"/>
                </a:cubicBezTo>
                <a:lnTo>
                  <a:pt x="12191999" y="421557"/>
                </a:lnTo>
                <a:lnTo>
                  <a:pt x="12191999" y="2262552"/>
                </a:lnTo>
                <a:lnTo>
                  <a:pt x="12191999" y="4531443"/>
                </a:lnTo>
                <a:lnTo>
                  <a:pt x="12191999" y="4952999"/>
                </a:lnTo>
                <a:lnTo>
                  <a:pt x="10340399" y="4952999"/>
                </a:lnTo>
                <a:lnTo>
                  <a:pt x="10340355" y="4953000"/>
                </a:lnTo>
                <a:lnTo>
                  <a:pt x="10340328" y="4952999"/>
                </a:lnTo>
                <a:lnTo>
                  <a:pt x="5604870" y="4952999"/>
                </a:lnTo>
                <a:lnTo>
                  <a:pt x="5604809" y="4953001"/>
                </a:lnTo>
                <a:lnTo>
                  <a:pt x="5604748" y="4952999"/>
                </a:lnTo>
                <a:lnTo>
                  <a:pt x="0" y="4952999"/>
                </a:lnTo>
                <a:lnTo>
                  <a:pt x="0" y="4151859"/>
                </a:lnTo>
                <a:lnTo>
                  <a:pt x="0" y="3009899"/>
                </a:lnTo>
                <a:lnTo>
                  <a:pt x="0" y="2773550"/>
                </a:lnTo>
                <a:lnTo>
                  <a:pt x="73056" y="2693371"/>
                </a:lnTo>
                <a:cubicBezTo>
                  <a:pt x="443926" y="2327354"/>
                  <a:pt x="1071989" y="2086708"/>
                  <a:pt x="1784350" y="2086708"/>
                </a:cubicBezTo>
                <a:cubicBezTo>
                  <a:pt x="2229576" y="2086708"/>
                  <a:pt x="2641872" y="2180711"/>
                  <a:pt x="2979029" y="2340572"/>
                </a:cubicBezTo>
                <a:lnTo>
                  <a:pt x="3035542" y="2370916"/>
                </a:lnTo>
                <a:lnTo>
                  <a:pt x="3122083" y="2254650"/>
                </a:lnTo>
                <a:cubicBezTo>
                  <a:pt x="3600214" y="1685023"/>
                  <a:pt x="4532735" y="1298331"/>
                  <a:pt x="5604809" y="1298331"/>
                </a:cubicBezTo>
                <a:cubicBezTo>
                  <a:pt x="6189577" y="1298331"/>
                  <a:pt x="6732825" y="1413380"/>
                  <a:pt x="7183460" y="1610411"/>
                </a:cubicBezTo>
                <a:lnTo>
                  <a:pt x="7225764" y="1630884"/>
                </a:lnTo>
                <a:lnTo>
                  <a:pt x="7283786" y="1512535"/>
                </a:lnTo>
                <a:cubicBezTo>
                  <a:pt x="7787372" y="623681"/>
                  <a:pt x="8966303" y="0"/>
                  <a:pt x="10340355" y="0"/>
                </a:cubicBezTo>
                <a:close/>
              </a:path>
            </a:pathLst>
          </a:custGeom>
          <a:solidFill>
            <a:schemeClr val="bg1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54137" y="503026"/>
            <a:ext cx="7437863" cy="3083441"/>
          </a:xfrm>
        </p:spPr>
        <p:txBody>
          <a:bodyPr>
            <a:noAutofit/>
          </a:bodyPr>
          <a:lstStyle/>
          <a:p>
            <a:pPr algn="l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</a:pPr>
            <a:r>
              <a:rPr lang="en-US" sz="4400" b="1" dirty="0" err="1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Optimalisasi</a:t>
            </a:r>
            <a:r>
              <a:rPr lang="en-US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 </a:t>
            </a:r>
            <a:br>
              <a:rPr lang="id-ID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</a:br>
            <a:r>
              <a:rPr lang="en-US" sz="4400" b="1" dirty="0" err="1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Teknologi</a:t>
            </a:r>
            <a:r>
              <a:rPr lang="en-US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 </a:t>
            </a:r>
            <a:r>
              <a:rPr lang="id-ID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P</a:t>
            </a:r>
            <a:r>
              <a:rPr lang="en-US" sz="4400" b="1" dirty="0" err="1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endidikan</a:t>
            </a:r>
            <a:r>
              <a:rPr lang="en-US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 </a:t>
            </a:r>
            <a:br>
              <a:rPr lang="id-ID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</a:br>
            <a:r>
              <a:rPr lang="en-US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di </a:t>
            </a:r>
            <a:r>
              <a:rPr lang="id-ID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E</a:t>
            </a:r>
            <a:r>
              <a:rPr lang="en-US" sz="4400" b="1" dirty="0" err="1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ra</a:t>
            </a:r>
            <a:r>
              <a:rPr lang="en-US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 </a:t>
            </a:r>
            <a:r>
              <a:rPr lang="id-ID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N</a:t>
            </a:r>
            <a:r>
              <a:rPr lang="en-US" sz="4400" b="1" dirty="0" err="1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ew</a:t>
            </a:r>
            <a:r>
              <a:rPr lang="en-US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 </a:t>
            </a:r>
            <a:r>
              <a:rPr lang="id-ID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N</a:t>
            </a:r>
            <a:r>
              <a:rPr lang="en-US" sz="4400" b="1" dirty="0" err="1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ormal</a:t>
            </a:r>
            <a:r>
              <a:rPr lang="en-US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 </a:t>
            </a:r>
            <a:br>
              <a:rPr lang="id-ID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</a:br>
            <a:r>
              <a:rPr lang="id-ID" sz="4400" b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Melalui </a:t>
            </a:r>
            <a:r>
              <a:rPr lang="id-ID" sz="4400" b="1" i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B</a:t>
            </a:r>
            <a:r>
              <a:rPr lang="en-US" sz="4400" b="1" i="1" dirty="0" err="1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lended</a:t>
            </a:r>
            <a:r>
              <a:rPr lang="en-US" sz="4400" b="1" i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 </a:t>
            </a:r>
            <a:r>
              <a:rPr lang="id-ID" sz="4400" b="1" i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L</a:t>
            </a:r>
            <a:r>
              <a:rPr lang="en-US" sz="4400" b="1" i="1" dirty="0">
                <a:solidFill>
                  <a:schemeClr val="tx1"/>
                </a:solidFill>
                <a:effectLst>
                  <a:glow rad="139700">
                    <a:schemeClr val="bg1">
                      <a:alpha val="80000"/>
                    </a:schemeClr>
                  </a:glow>
                </a:effectLst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earning</a:t>
            </a:r>
          </a:p>
        </p:txBody>
      </p:sp>
      <p:sp>
        <p:nvSpPr>
          <p:cNvPr id="3" name="Subtitle 2"/>
          <p:cNvSpPr>
            <a:spLocks noGrp="1"/>
          </p:cNvSpPr>
          <p:nvPr>
            <p:ph idx="1"/>
          </p:nvPr>
        </p:nvSpPr>
        <p:spPr>
          <a:xfrm>
            <a:off x="3315957" y="5295482"/>
            <a:ext cx="6953460" cy="884256"/>
          </a:xfrm>
        </p:spPr>
        <p:txBody>
          <a:bodyPr>
            <a:noAutofit/>
          </a:bodyPr>
          <a:lstStyle/>
          <a:p>
            <a:pPr marL="101600" indent="0">
              <a:spcBef>
                <a:spcPts val="600"/>
              </a:spcBef>
              <a:spcAft>
                <a:spcPts val="600"/>
              </a:spcAft>
              <a:buNone/>
            </a:pPr>
            <a:r>
              <a:rPr lang="id-ID" b="1" dirty="0">
                <a:solidFill>
                  <a:schemeClr val="tx1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DISAMPAIKAN PADA: </a:t>
            </a:r>
            <a:br>
              <a:rPr lang="id-ID" b="1" dirty="0">
                <a:solidFill>
                  <a:srgbClr val="0070C0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</a:br>
            <a:r>
              <a:rPr lang="id-ID" b="1" dirty="0">
                <a:solidFill>
                  <a:srgbClr val="0070C0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WEBINAR NASIONAL PGMI UIN SUNAN KALIJAGA YOGYAKARTA, 6 JULI 2020</a:t>
            </a:r>
          </a:p>
        </p:txBody>
      </p:sp>
      <p:sp>
        <p:nvSpPr>
          <p:cNvPr id="9" name="Rectangle 57"/>
          <p:cNvSpPr/>
          <p:nvPr/>
        </p:nvSpPr>
        <p:spPr>
          <a:xfrm>
            <a:off x="3243634" y="-2408"/>
            <a:ext cx="5702565" cy="342900"/>
          </a:xfrm>
          <a:custGeom>
            <a:avLst/>
            <a:gdLst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2860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6416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6416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8448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69240 w 3081338"/>
              <a:gd name="connsiteY3" fmla="*/ 33782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5908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5908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5908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5908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3081338 w 3081338"/>
              <a:gd name="connsiteY2" fmla="*/ 34290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17178 w 3081338"/>
              <a:gd name="connsiteY2" fmla="*/ 33274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17178 w 3081338"/>
              <a:gd name="connsiteY2" fmla="*/ 33274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07018 w 3081338"/>
              <a:gd name="connsiteY2" fmla="*/ 33274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07018 w 3081338"/>
              <a:gd name="connsiteY2" fmla="*/ 34290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  <a:gd name="connsiteX0" fmla="*/ 0 w 3081338"/>
              <a:gd name="connsiteY0" fmla="*/ 0 h 342900"/>
              <a:gd name="connsiteX1" fmla="*/ 3081338 w 3081338"/>
              <a:gd name="connsiteY1" fmla="*/ 0 h 342900"/>
              <a:gd name="connsiteX2" fmla="*/ 2807018 w 3081338"/>
              <a:gd name="connsiteY2" fmla="*/ 342900 h 342900"/>
              <a:gd name="connsiteX3" fmla="*/ 279400 w 3081338"/>
              <a:gd name="connsiteY3" fmla="*/ 342900 h 342900"/>
              <a:gd name="connsiteX4" fmla="*/ 0 w 3081338"/>
              <a:gd name="connsiteY4" fmla="*/ 0 h 3429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081338" h="342900">
                <a:moveTo>
                  <a:pt x="0" y="0"/>
                </a:moveTo>
                <a:lnTo>
                  <a:pt x="3081338" y="0"/>
                </a:lnTo>
                <a:lnTo>
                  <a:pt x="2807018" y="342900"/>
                </a:lnTo>
                <a:lnTo>
                  <a:pt x="279400" y="342900"/>
                </a:lnTo>
                <a:lnTo>
                  <a:pt x="0" y="0"/>
                </a:lnTo>
                <a:close/>
              </a:path>
            </a:pathLst>
          </a:custGeom>
          <a:gradFill flip="none" rotWithShape="1">
            <a:gsLst>
              <a:gs pos="15000">
                <a:srgbClr val="0070C0"/>
              </a:gs>
              <a:gs pos="51000">
                <a:srgbClr val="00B0F0"/>
              </a:gs>
              <a:gs pos="87000">
                <a:srgbClr val="0070C0"/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1" name="Picture 50">
            <a:extLst>
              <a:ext uri="{FF2B5EF4-FFF2-40B4-BE49-F238E27FC236}">
                <a16:creationId xmlns:a16="http://schemas.microsoft.com/office/drawing/2014/main" id="{9D378A5E-BD75-41F3-AD7A-C0A49EC9E81C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1777" y="5431325"/>
            <a:ext cx="534659" cy="737461"/>
          </a:xfrm>
          <a:prstGeom prst="rect">
            <a:avLst/>
          </a:prstGeom>
          <a:effectLst>
            <a:glow rad="88900">
              <a:schemeClr val="bg1">
                <a:alpha val="83000"/>
              </a:schemeClr>
            </a:glow>
          </a:effectLst>
        </p:spPr>
      </p:pic>
      <p:pic>
        <p:nvPicPr>
          <p:cNvPr id="52" name="Picture 51">
            <a:extLst>
              <a:ext uri="{FF2B5EF4-FFF2-40B4-BE49-F238E27FC236}">
                <a16:creationId xmlns:a16="http://schemas.microsoft.com/office/drawing/2014/main" id="{1126664A-E73E-4F23-BDCF-2EB0720C2C80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saturation sat="4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b="6793"/>
          <a:stretch/>
        </p:blipFill>
        <p:spPr>
          <a:xfrm>
            <a:off x="2293968" y="5352717"/>
            <a:ext cx="829141" cy="854170"/>
          </a:xfrm>
          <a:prstGeom prst="rect">
            <a:avLst/>
          </a:prstGeom>
          <a:effectLst>
            <a:glow rad="88900">
              <a:schemeClr val="bg1">
                <a:alpha val="86000"/>
              </a:schemeClr>
            </a:glow>
          </a:effectLst>
        </p:spPr>
      </p:pic>
      <p:pic>
        <p:nvPicPr>
          <p:cNvPr id="53" name="Picture 2" descr="Logo UIN Sunan Kalijaga Format CDR, PNG HD, AI, EPS, PDF | LogoDud ...">
            <a:extLst>
              <a:ext uri="{FF2B5EF4-FFF2-40B4-BE49-F238E27FC236}">
                <a16:creationId xmlns:a16="http://schemas.microsoft.com/office/drawing/2014/main" id="{6C3588D2-F5C6-462C-8B4F-6066A49BA69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64799" y="5440381"/>
            <a:ext cx="575123" cy="714716"/>
          </a:xfrm>
          <a:prstGeom prst="rect">
            <a:avLst/>
          </a:prstGeom>
          <a:noFill/>
          <a:effectLst>
            <a:glow rad="50800">
              <a:schemeClr val="bg1">
                <a:alpha val="61000"/>
              </a:schemeClr>
            </a:glow>
            <a:outerShdw blurRad="63500" sx="102000" sy="102000" algn="ctr" rotWithShape="0">
              <a:schemeClr val="bg1"/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26" name="Group 25">
            <a:extLst>
              <a:ext uri="{FF2B5EF4-FFF2-40B4-BE49-F238E27FC236}">
                <a16:creationId xmlns:a16="http://schemas.microsoft.com/office/drawing/2014/main" id="{3B3E2422-A4DF-4A8B-9689-CE5E48FE4450}"/>
              </a:ext>
            </a:extLst>
          </p:cNvPr>
          <p:cNvGrpSpPr/>
          <p:nvPr/>
        </p:nvGrpSpPr>
        <p:grpSpPr>
          <a:xfrm>
            <a:off x="0" y="-36431"/>
            <a:ext cx="12200792" cy="6894431"/>
            <a:chOff x="-8792" y="-27055"/>
            <a:chExt cx="12200792" cy="6894431"/>
          </a:xfrm>
        </p:grpSpPr>
        <p:sp>
          <p:nvSpPr>
            <p:cNvPr id="5" name="Rectangle 4"/>
            <p:cNvSpPr/>
            <p:nvPr/>
          </p:nvSpPr>
          <p:spPr>
            <a:xfrm>
              <a:off x="-2166" y="-2408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6" name="Rectangle 5"/>
            <p:cNvSpPr/>
            <p:nvPr/>
          </p:nvSpPr>
          <p:spPr>
            <a:xfrm>
              <a:off x="11846497" y="-2409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" name="Rectangle 6"/>
            <p:cNvSpPr/>
            <p:nvPr/>
          </p:nvSpPr>
          <p:spPr>
            <a:xfrm>
              <a:off x="-2166" y="-2408"/>
              <a:ext cx="12194165" cy="203200"/>
            </a:xfrm>
            <a:prstGeom prst="rect">
              <a:avLst/>
            </a:prstGeom>
            <a:solidFill>
              <a:srgbClr val="0070C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8" name="Group 7"/>
            <p:cNvGrpSpPr/>
            <p:nvPr/>
          </p:nvGrpSpPr>
          <p:grpSpPr>
            <a:xfrm>
              <a:off x="-8792" y="6376639"/>
              <a:ext cx="12200792" cy="490737"/>
              <a:chOff x="-6625" y="6379047"/>
              <a:chExt cx="12198626" cy="490737"/>
            </a:xfrm>
          </p:grpSpPr>
          <p:sp>
            <p:nvSpPr>
              <p:cNvPr id="14" name="Rectangle 13"/>
              <p:cNvSpPr/>
              <p:nvPr/>
            </p:nvSpPr>
            <p:spPr>
              <a:xfrm>
                <a:off x="4624755" y="6612255"/>
                <a:ext cx="1063869" cy="245521"/>
              </a:xfrm>
              <a:prstGeom prst="rect">
                <a:avLst/>
              </a:prstGeom>
              <a:solidFill>
                <a:srgbClr val="FFA424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15" name="Rectangle 40"/>
              <p:cNvSpPr/>
              <p:nvPr/>
            </p:nvSpPr>
            <p:spPr>
              <a:xfrm>
                <a:off x="5065381" y="6622909"/>
                <a:ext cx="7126620" cy="246875"/>
              </a:xfrm>
              <a:custGeom>
                <a:avLst/>
                <a:gdLst>
                  <a:gd name="connsiteX0" fmla="*/ 0 w 7048500"/>
                  <a:gd name="connsiteY0" fmla="*/ 0 h 219807"/>
                  <a:gd name="connsiteX1" fmla="*/ 7048500 w 7048500"/>
                  <a:gd name="connsiteY1" fmla="*/ 0 h 219807"/>
                  <a:gd name="connsiteX2" fmla="*/ 7048500 w 7048500"/>
                  <a:gd name="connsiteY2" fmla="*/ 219807 h 219807"/>
                  <a:gd name="connsiteX3" fmla="*/ 0 w 7048500"/>
                  <a:gd name="connsiteY3" fmla="*/ 219807 h 219807"/>
                  <a:gd name="connsiteX4" fmla="*/ 0 w 7048500"/>
                  <a:gd name="connsiteY4" fmla="*/ 0 h 219807"/>
                  <a:gd name="connsiteX0" fmla="*/ 334107 w 7382607"/>
                  <a:gd name="connsiteY0" fmla="*/ 0 h 219807"/>
                  <a:gd name="connsiteX1" fmla="*/ 7382607 w 7382607"/>
                  <a:gd name="connsiteY1" fmla="*/ 0 h 219807"/>
                  <a:gd name="connsiteX2" fmla="*/ 7382607 w 7382607"/>
                  <a:gd name="connsiteY2" fmla="*/ 219807 h 219807"/>
                  <a:gd name="connsiteX3" fmla="*/ 0 w 7382607"/>
                  <a:gd name="connsiteY3" fmla="*/ 219807 h 219807"/>
                  <a:gd name="connsiteX4" fmla="*/ 334107 w 7382607"/>
                  <a:gd name="connsiteY4" fmla="*/ 0 h 21980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382607" h="219807">
                    <a:moveTo>
                      <a:pt x="334107" y="0"/>
                    </a:moveTo>
                    <a:lnTo>
                      <a:pt x="7382607" y="0"/>
                    </a:lnTo>
                    <a:lnTo>
                      <a:pt x="7382607" y="219807"/>
                    </a:lnTo>
                    <a:lnTo>
                      <a:pt x="0" y="219807"/>
                    </a:lnTo>
                    <a:lnTo>
                      <a:pt x="334107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16" name="Freeform 15"/>
              <p:cNvSpPr/>
              <p:nvPr/>
            </p:nvSpPr>
            <p:spPr>
              <a:xfrm>
                <a:off x="785938" y="6411997"/>
                <a:ext cx="14304" cy="4763"/>
              </a:xfrm>
              <a:custGeom>
                <a:avLst/>
                <a:gdLst>
                  <a:gd name="connsiteX0" fmla="*/ 14304 w 14304"/>
                  <a:gd name="connsiteY0" fmla="*/ 0 h 4763"/>
                  <a:gd name="connsiteX1" fmla="*/ 5971 w 14304"/>
                  <a:gd name="connsiteY1" fmla="*/ 4763 h 4763"/>
                  <a:gd name="connsiteX2" fmla="*/ 0 w 14304"/>
                  <a:gd name="connsiteY2" fmla="*/ 4763 h 4763"/>
                  <a:gd name="connsiteX3" fmla="*/ 14304 w 14304"/>
                  <a:gd name="connsiteY3" fmla="*/ 0 h 4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04" h="4763">
                    <a:moveTo>
                      <a:pt x="14304" y="0"/>
                    </a:moveTo>
                    <a:lnTo>
                      <a:pt x="5971" y="4763"/>
                    </a:lnTo>
                    <a:lnTo>
                      <a:pt x="0" y="4763"/>
                    </a:lnTo>
                    <a:lnTo>
                      <a:pt x="14304" y="0"/>
                    </a:lnTo>
                    <a:close/>
                  </a:path>
                </a:pathLst>
              </a:custGeom>
              <a:solidFill>
                <a:srgbClr val="F7A11A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17" name="Rectangle 5"/>
              <p:cNvSpPr/>
              <p:nvPr/>
            </p:nvSpPr>
            <p:spPr>
              <a:xfrm>
                <a:off x="1" y="6412644"/>
                <a:ext cx="5104894" cy="447764"/>
              </a:xfrm>
              <a:custGeom>
                <a:avLst/>
                <a:gdLst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4553528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5024582" h="397164">
                    <a:moveTo>
                      <a:pt x="0" y="0"/>
                    </a:moveTo>
                    <a:lnTo>
                      <a:pt x="4553528" y="0"/>
                    </a:lnTo>
                    <a:lnTo>
                      <a:pt x="5024582" y="397164"/>
                    </a:lnTo>
                    <a:lnTo>
                      <a:pt x="0" y="397164"/>
                    </a:lnTo>
                    <a:lnTo>
                      <a:pt x="0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18" name="Freeform 17"/>
              <p:cNvSpPr/>
              <p:nvPr/>
            </p:nvSpPr>
            <p:spPr>
              <a:xfrm>
                <a:off x="0" y="6410640"/>
                <a:ext cx="2950459" cy="447360"/>
              </a:xfrm>
              <a:custGeom>
                <a:avLst/>
                <a:gdLst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794327 w 2953014"/>
                  <a:gd name="connsiteY3" fmla="*/ 9146 h 424783"/>
                  <a:gd name="connsiteX4" fmla="*/ 2953014 w 2953014"/>
                  <a:gd name="connsiteY4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49088 w 2953014"/>
                  <a:gd name="connsiteY3" fmla="*/ 340149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 w 2953014"/>
                  <a:gd name="connsiteY3" fmla="*/ 300393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48098 w 2948098"/>
                  <a:gd name="connsiteY0" fmla="*/ 0 h 419962"/>
                  <a:gd name="connsiteX1" fmla="*/ 2140545 w 2948098"/>
                  <a:gd name="connsiteY1" fmla="*/ 419962 h 419962"/>
                  <a:gd name="connsiteX2" fmla="*/ 0 w 2948098"/>
                  <a:gd name="connsiteY2" fmla="*/ 419962 h 419962"/>
                  <a:gd name="connsiteX3" fmla="*/ 1 w 2948098"/>
                  <a:gd name="connsiteY3" fmla="*/ 295572 h 419962"/>
                  <a:gd name="connsiteX4" fmla="*/ 794327 w 2948098"/>
                  <a:gd name="connsiteY4" fmla="*/ 4325 h 419962"/>
                  <a:gd name="connsiteX5" fmla="*/ 2948098 w 2948098"/>
                  <a:gd name="connsiteY5" fmla="*/ 0 h 419962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33656 w 2948098"/>
                  <a:gd name="connsiteY4" fmla="*/ 0 h 420458"/>
                  <a:gd name="connsiteX5" fmla="*/ 2948098 w 2948098"/>
                  <a:gd name="connsiteY5" fmla="*/ 496 h 420458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13992 w 2948098"/>
                  <a:gd name="connsiteY4" fmla="*/ 0 h 420458"/>
                  <a:gd name="connsiteX5" fmla="*/ 2948098 w 2948098"/>
                  <a:gd name="connsiteY5" fmla="*/ 496 h 420458"/>
                  <a:gd name="connsiteX0" fmla="*/ 2945543 w 2945543"/>
                  <a:gd name="connsiteY0" fmla="*/ 0 h 422445"/>
                  <a:gd name="connsiteX1" fmla="*/ 2140545 w 2945543"/>
                  <a:gd name="connsiteY1" fmla="*/ 422445 h 422445"/>
                  <a:gd name="connsiteX2" fmla="*/ 0 w 2945543"/>
                  <a:gd name="connsiteY2" fmla="*/ 422445 h 422445"/>
                  <a:gd name="connsiteX3" fmla="*/ 1 w 2945543"/>
                  <a:gd name="connsiteY3" fmla="*/ 298055 h 422445"/>
                  <a:gd name="connsiteX4" fmla="*/ 813992 w 2945543"/>
                  <a:gd name="connsiteY4" fmla="*/ 1987 h 422445"/>
                  <a:gd name="connsiteX5" fmla="*/ 2945543 w 2945543"/>
                  <a:gd name="connsiteY5" fmla="*/ 0 h 42244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</a:cxnLst>
                <a:rect l="l" t="t" r="r" b="b"/>
                <a:pathLst>
                  <a:path w="2945543" h="422445">
                    <a:moveTo>
                      <a:pt x="2945543" y="0"/>
                    </a:moveTo>
                    <a:lnTo>
                      <a:pt x="2140545" y="422445"/>
                    </a:lnTo>
                    <a:lnTo>
                      <a:pt x="0" y="422445"/>
                    </a:lnTo>
                    <a:cubicBezTo>
                      <a:pt x="0" y="380982"/>
                      <a:pt x="1" y="339518"/>
                      <a:pt x="1" y="298055"/>
                    </a:cubicBezTo>
                    <a:lnTo>
                      <a:pt x="813992" y="1987"/>
                    </a:lnTo>
                    <a:lnTo>
                      <a:pt x="2945543" y="0"/>
                    </a:lnTo>
                    <a:close/>
                  </a:path>
                </a:pathLst>
              </a:custGeom>
              <a:solidFill>
                <a:srgbClr val="C00000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19" name="Rectangle 39"/>
              <p:cNvSpPr/>
              <p:nvPr/>
            </p:nvSpPr>
            <p:spPr>
              <a:xfrm>
                <a:off x="-6625" y="6412230"/>
                <a:ext cx="2143539" cy="445770"/>
              </a:xfrm>
              <a:custGeom>
                <a:avLst/>
                <a:gdLst>
                  <a:gd name="connsiteX0" fmla="*/ 0 w 563217"/>
                  <a:gd name="connsiteY0" fmla="*/ 0 h 407504"/>
                  <a:gd name="connsiteX1" fmla="*/ 563217 w 563217"/>
                  <a:gd name="connsiteY1" fmla="*/ 0 h 407504"/>
                  <a:gd name="connsiteX2" fmla="*/ 563217 w 563217"/>
                  <a:gd name="connsiteY2" fmla="*/ 407504 h 407504"/>
                  <a:gd name="connsiteX3" fmla="*/ 0 w 563217"/>
                  <a:gd name="connsiteY3" fmla="*/ 407504 h 407504"/>
                  <a:gd name="connsiteX4" fmla="*/ 0 w 563217"/>
                  <a:gd name="connsiteY4" fmla="*/ 0 h 407504"/>
                  <a:gd name="connsiteX0" fmla="*/ 0 w 563217"/>
                  <a:gd name="connsiteY0" fmla="*/ 0 h 407504"/>
                  <a:gd name="connsiteX1" fmla="*/ 563217 w 563217"/>
                  <a:gd name="connsiteY1" fmla="*/ 407504 h 407504"/>
                  <a:gd name="connsiteX2" fmla="*/ 0 w 563217"/>
                  <a:gd name="connsiteY2" fmla="*/ 407504 h 407504"/>
                  <a:gd name="connsiteX3" fmla="*/ 0 w 563217"/>
                  <a:gd name="connsiteY3" fmla="*/ 0 h 407504"/>
                  <a:gd name="connsiteX0" fmla="*/ 0 w 1328530"/>
                  <a:gd name="connsiteY0" fmla="*/ 0 h 414130"/>
                  <a:gd name="connsiteX1" fmla="*/ 1328530 w 1328530"/>
                  <a:gd name="connsiteY1" fmla="*/ 414130 h 414130"/>
                  <a:gd name="connsiteX2" fmla="*/ 0 w 1328530"/>
                  <a:gd name="connsiteY2" fmla="*/ 407504 h 414130"/>
                  <a:gd name="connsiteX3" fmla="*/ 0 w 1328530"/>
                  <a:gd name="connsiteY3" fmla="*/ 0 h 414130"/>
                  <a:gd name="connsiteX0" fmla="*/ 0 w 1328530"/>
                  <a:gd name="connsiteY0" fmla="*/ 0 h 417443"/>
                  <a:gd name="connsiteX1" fmla="*/ 1328530 w 1328530"/>
                  <a:gd name="connsiteY1" fmla="*/ 417443 h 417443"/>
                  <a:gd name="connsiteX2" fmla="*/ 0 w 1328530"/>
                  <a:gd name="connsiteY2" fmla="*/ 407504 h 417443"/>
                  <a:gd name="connsiteX3" fmla="*/ 0 w 1328530"/>
                  <a:gd name="connsiteY3" fmla="*/ 0 h 417443"/>
                  <a:gd name="connsiteX0" fmla="*/ 808383 w 2136913"/>
                  <a:gd name="connsiteY0" fmla="*/ 0 h 427383"/>
                  <a:gd name="connsiteX1" fmla="*/ 2136913 w 2136913"/>
                  <a:gd name="connsiteY1" fmla="*/ 417443 h 427383"/>
                  <a:gd name="connsiteX2" fmla="*/ 0 w 2136913"/>
                  <a:gd name="connsiteY2" fmla="*/ 427383 h 427383"/>
                  <a:gd name="connsiteX3" fmla="*/ 808383 w 2136913"/>
                  <a:gd name="connsiteY3" fmla="*/ 0 h 427383"/>
                  <a:gd name="connsiteX0" fmla="*/ 808383 w 2143539"/>
                  <a:gd name="connsiteY0" fmla="*/ 0 h 427383"/>
                  <a:gd name="connsiteX1" fmla="*/ 2143539 w 2143539"/>
                  <a:gd name="connsiteY1" fmla="*/ 424069 h 427383"/>
                  <a:gd name="connsiteX2" fmla="*/ 0 w 2143539"/>
                  <a:gd name="connsiteY2" fmla="*/ 427383 h 427383"/>
                  <a:gd name="connsiteX3" fmla="*/ 808383 w 2143539"/>
                  <a:gd name="connsiteY3" fmla="*/ 0 h 427383"/>
                  <a:gd name="connsiteX0" fmla="*/ 808383 w 2143539"/>
                  <a:gd name="connsiteY0" fmla="*/ 0 h 427383"/>
                  <a:gd name="connsiteX1" fmla="*/ 1116496 w 2143539"/>
                  <a:gd name="connsiteY1" fmla="*/ 92765 h 427383"/>
                  <a:gd name="connsiteX2" fmla="*/ 2143539 w 2143539"/>
                  <a:gd name="connsiteY2" fmla="*/ 424069 h 427383"/>
                  <a:gd name="connsiteX3" fmla="*/ 0 w 2143539"/>
                  <a:gd name="connsiteY3" fmla="*/ 427383 h 427383"/>
                  <a:gd name="connsiteX4" fmla="*/ 808383 w 2143539"/>
                  <a:gd name="connsiteY4" fmla="*/ 0 h 427383"/>
                  <a:gd name="connsiteX0" fmla="*/ 808383 w 2143539"/>
                  <a:gd name="connsiteY0" fmla="*/ 6626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08383 w 2143539"/>
                  <a:gd name="connsiteY4" fmla="*/ 6626 h 434009"/>
                  <a:gd name="connsiteX0" fmla="*/ 831574 w 2143539"/>
                  <a:gd name="connsiteY0" fmla="*/ 0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31574 w 2143539"/>
                  <a:gd name="connsiteY4" fmla="*/ 0 h 434009"/>
                  <a:gd name="connsiteX0" fmla="*/ 841513 w 2143539"/>
                  <a:gd name="connsiteY0" fmla="*/ 3313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41513 w 2143539"/>
                  <a:gd name="connsiteY4" fmla="*/ 3313 h 43400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143539" h="434009">
                    <a:moveTo>
                      <a:pt x="841513" y="3313"/>
                    </a:moveTo>
                    <a:lnTo>
                      <a:pt x="1143001" y="0"/>
                    </a:lnTo>
                    <a:lnTo>
                      <a:pt x="2143539" y="430695"/>
                    </a:lnTo>
                    <a:lnTo>
                      <a:pt x="0" y="434009"/>
                    </a:lnTo>
                    <a:lnTo>
                      <a:pt x="841513" y="3313"/>
                    </a:lnTo>
                    <a:close/>
                  </a:path>
                </a:pathLst>
              </a:custGeom>
              <a:solidFill>
                <a:srgbClr val="F66616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20" name="Picture 19"/>
              <p:cNvPicPr>
                <a:picLocks noChangeAspect="1"/>
              </p:cNvPicPr>
              <p:nvPr/>
            </p:nvPicPr>
            <p:blipFill>
              <a:blip r:embed="rId11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314057" y="6455075"/>
                <a:ext cx="356122" cy="358491"/>
              </a:xfrm>
              <a:prstGeom prst="rect">
                <a:avLst/>
              </a:prstGeom>
            </p:spPr>
          </p:pic>
          <p:pic>
            <p:nvPicPr>
              <p:cNvPr id="21" name="Picture 20"/>
              <p:cNvPicPr>
                <a:picLocks noChangeAspect="1"/>
              </p:cNvPicPr>
              <p:nvPr/>
            </p:nvPicPr>
            <p:blipFill>
              <a:blip r:embed="rId12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740541" y="6454925"/>
                <a:ext cx="358790" cy="358790"/>
              </a:xfrm>
              <a:prstGeom prst="rect">
                <a:avLst/>
              </a:prstGeom>
            </p:spPr>
          </p:pic>
          <p:pic>
            <p:nvPicPr>
              <p:cNvPr id="22" name="Picture 21"/>
              <p:cNvPicPr>
                <a:picLocks noChangeAspect="1"/>
              </p:cNvPicPr>
              <p:nvPr/>
            </p:nvPicPr>
            <p:blipFill>
              <a:blip r:embed="rId13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841310" y="6442676"/>
                <a:ext cx="383288" cy="383288"/>
              </a:xfrm>
              <a:prstGeom prst="rect">
                <a:avLst/>
              </a:prstGeom>
            </p:spPr>
          </p:pic>
          <p:sp>
            <p:nvSpPr>
              <p:cNvPr id="23" name="TextBox 22"/>
              <p:cNvSpPr txBox="1"/>
              <p:nvPr/>
            </p:nvSpPr>
            <p:spPr>
              <a:xfrm>
                <a:off x="2103154" y="6379047"/>
                <a:ext cx="272273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id-ID" sz="2400" dirty="0">
                    <a:solidFill>
                      <a:schemeClr val="bg1"/>
                    </a:solidFill>
                    <a:latin typeface="Bahnschrift SemiBold Condensed" panose="020B0502040204020203" pitchFamily="34" charset="0"/>
                    <a:ea typeface="Arial Unicode MS" panose="020B0604020202020204" pitchFamily="34" charset="-128"/>
                    <a:cs typeface="Arial Unicode MS" panose="020B0604020202020204" pitchFamily="34" charset="-128"/>
                  </a:rPr>
                  <a:t>Hamdan Husein Batubara</a:t>
                </a:r>
                <a:endParaRPr lang="en-US" sz="2400" dirty="0">
                  <a:solidFill>
                    <a:schemeClr val="bg1"/>
                  </a:solidFill>
                  <a:latin typeface="Bahnschrift SemiBold Condensed" panose="020B0502040204020203" pitchFamily="34" charset="0"/>
                  <a:ea typeface="Arial Unicode MS" panose="020B0604020202020204" pitchFamily="34" charset="-128"/>
                  <a:cs typeface="Arial Unicode MS" panose="020B0604020202020204" pitchFamily="34" charset="-128"/>
                </a:endParaRPr>
              </a:p>
            </p:txBody>
          </p:sp>
        </p:grpSp>
        <p:sp>
          <p:nvSpPr>
            <p:cNvPr id="11" name="Rectangle 1"/>
            <p:cNvSpPr/>
            <p:nvPr/>
          </p:nvSpPr>
          <p:spPr>
            <a:xfrm>
              <a:off x="11527104" y="6351096"/>
              <a:ext cx="664895" cy="50449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 1"/>
            <p:cNvSpPr/>
            <p:nvPr/>
          </p:nvSpPr>
          <p:spPr>
            <a:xfrm rot="16200000">
              <a:off x="11607318" y="77688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 1"/>
            <p:cNvSpPr/>
            <p:nvPr/>
          </p:nvSpPr>
          <p:spPr>
            <a:xfrm rot="5400000" flipH="1">
              <a:off x="-82262" y="77687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" name="Rectangle 30">
              <a:extLst>
                <a:ext uri="{FF2B5EF4-FFF2-40B4-BE49-F238E27FC236}">
                  <a16:creationId xmlns:a16="http://schemas.microsoft.com/office/drawing/2014/main" id="{E689D852-2A46-4901-B6A9-3A666BCDAE8C}"/>
                </a:ext>
              </a:extLst>
            </p:cNvPr>
            <p:cNvSpPr/>
            <p:nvPr/>
          </p:nvSpPr>
          <p:spPr>
            <a:xfrm>
              <a:off x="3230764" y="-56"/>
              <a:ext cx="5721173" cy="346895"/>
            </a:xfrm>
            <a:custGeom>
              <a:avLst/>
              <a:gdLst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5044966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55465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14133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745320 w 5044966"/>
                <a:gd name="connsiteY2" fmla="*/ 340628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553550 w 5044966"/>
                <a:gd name="connsiteY2" fmla="*/ 284882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669621 w 5044966"/>
                <a:gd name="connsiteY2" fmla="*/ 351776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130758"/>
                <a:gd name="connsiteY0" fmla="*/ 5574 h 358769"/>
                <a:gd name="connsiteX1" fmla="*/ 5130758 w 5130758"/>
                <a:gd name="connsiteY1" fmla="*/ 0 h 358769"/>
                <a:gd name="connsiteX2" fmla="*/ 4669621 w 5130758"/>
                <a:gd name="connsiteY2" fmla="*/ 357350 h 358769"/>
                <a:gd name="connsiteX3" fmla="*/ 314133 w 5130758"/>
                <a:gd name="connsiteY3" fmla="*/ 358769 h 358769"/>
                <a:gd name="connsiteX4" fmla="*/ 0 w 5130758"/>
                <a:gd name="connsiteY4" fmla="*/ 5574 h 358769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465532 w 5130758"/>
                <a:gd name="connsiteY3" fmla="*/ 342045 h 357350"/>
                <a:gd name="connsiteX4" fmla="*/ 0 w 5130758"/>
                <a:gd name="connsiteY4" fmla="*/ 5574 h 357350"/>
                <a:gd name="connsiteX0" fmla="*/ 0 w 5130758"/>
                <a:gd name="connsiteY0" fmla="*/ 5574 h 364343"/>
                <a:gd name="connsiteX1" fmla="*/ 5130758 w 5130758"/>
                <a:gd name="connsiteY1" fmla="*/ 0 h 364343"/>
                <a:gd name="connsiteX2" fmla="*/ 4669621 w 5130758"/>
                <a:gd name="connsiteY2" fmla="*/ 357350 h 364343"/>
                <a:gd name="connsiteX3" fmla="*/ 314134 w 5130758"/>
                <a:gd name="connsiteY3" fmla="*/ 364343 h 364343"/>
                <a:gd name="connsiteX4" fmla="*/ 0 w 5130758"/>
                <a:gd name="connsiteY4" fmla="*/ 5574 h 364343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59554 w 5130758"/>
                <a:gd name="connsiteY3" fmla="*/ 286298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34321 w 5130758"/>
                <a:gd name="connsiteY3" fmla="*/ 336470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29274 w 5130758"/>
                <a:gd name="connsiteY3" fmla="*/ 353194 h 357350"/>
                <a:gd name="connsiteX4" fmla="*/ 0 w 5130758"/>
                <a:gd name="connsiteY4" fmla="*/ 5574 h 357350"/>
                <a:gd name="connsiteX0" fmla="*/ 0 w 5231690"/>
                <a:gd name="connsiteY0" fmla="*/ 27873 h 357350"/>
                <a:gd name="connsiteX1" fmla="*/ 5231690 w 5231690"/>
                <a:gd name="connsiteY1" fmla="*/ 0 h 357350"/>
                <a:gd name="connsiteX2" fmla="*/ 4770553 w 5231690"/>
                <a:gd name="connsiteY2" fmla="*/ 357350 h 357350"/>
                <a:gd name="connsiteX3" fmla="*/ 430206 w 5231690"/>
                <a:gd name="connsiteY3" fmla="*/ 353194 h 357350"/>
                <a:gd name="connsiteX4" fmla="*/ 0 w 5231690"/>
                <a:gd name="connsiteY4" fmla="*/ 27873 h 357350"/>
                <a:gd name="connsiteX0" fmla="*/ 0 w 5221597"/>
                <a:gd name="connsiteY0" fmla="*/ 22298 h 357350"/>
                <a:gd name="connsiteX1" fmla="*/ 5221597 w 5221597"/>
                <a:gd name="connsiteY1" fmla="*/ 0 h 357350"/>
                <a:gd name="connsiteX2" fmla="*/ 4760460 w 5221597"/>
                <a:gd name="connsiteY2" fmla="*/ 357350 h 357350"/>
                <a:gd name="connsiteX3" fmla="*/ 420113 w 5221597"/>
                <a:gd name="connsiteY3" fmla="*/ 353194 h 357350"/>
                <a:gd name="connsiteX4" fmla="*/ 0 w 5221597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80647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65508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64540"/>
                <a:gd name="connsiteY0" fmla="*/ 0 h 360601"/>
                <a:gd name="connsiteX1" fmla="*/ 5264540 w 5264540"/>
                <a:gd name="connsiteY1" fmla="*/ 3251 h 360601"/>
                <a:gd name="connsiteX2" fmla="*/ 4788264 w 5264540"/>
                <a:gd name="connsiteY2" fmla="*/ 360601 h 360601"/>
                <a:gd name="connsiteX3" fmla="*/ 463056 w 5264540"/>
                <a:gd name="connsiteY3" fmla="*/ 356445 h 360601"/>
                <a:gd name="connsiteX4" fmla="*/ 0 w 5264540"/>
                <a:gd name="connsiteY4" fmla="*/ 0 h 360601"/>
                <a:gd name="connsiteX0" fmla="*/ 0 w 5264540"/>
                <a:gd name="connsiteY0" fmla="*/ 3136 h 357350"/>
                <a:gd name="connsiteX1" fmla="*/ 5264540 w 5264540"/>
                <a:gd name="connsiteY1" fmla="*/ 0 h 357350"/>
                <a:gd name="connsiteX2" fmla="*/ 4788264 w 5264540"/>
                <a:gd name="connsiteY2" fmla="*/ 357350 h 357350"/>
                <a:gd name="connsiteX3" fmla="*/ 463056 w 5264540"/>
                <a:gd name="connsiteY3" fmla="*/ 353194 h 357350"/>
                <a:gd name="connsiteX4" fmla="*/ 0 w 5264540"/>
                <a:gd name="connsiteY4" fmla="*/ 3136 h 357350"/>
                <a:gd name="connsiteX0" fmla="*/ 0 w 5244628"/>
                <a:gd name="connsiteY0" fmla="*/ 3136 h 357350"/>
                <a:gd name="connsiteX1" fmla="*/ 5244628 w 5244628"/>
                <a:gd name="connsiteY1" fmla="*/ 0 h 357350"/>
                <a:gd name="connsiteX2" fmla="*/ 4768352 w 5244628"/>
                <a:gd name="connsiteY2" fmla="*/ 357350 h 357350"/>
                <a:gd name="connsiteX3" fmla="*/ 443144 w 5244628"/>
                <a:gd name="connsiteY3" fmla="*/ 353194 h 357350"/>
                <a:gd name="connsiteX4" fmla="*/ 0 w 5244628"/>
                <a:gd name="connsiteY4" fmla="*/ 3136 h 357350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774041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809005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250317" h="357408">
                  <a:moveTo>
                    <a:pt x="0" y="0"/>
                  </a:moveTo>
                  <a:lnTo>
                    <a:pt x="5250317" y="58"/>
                  </a:lnTo>
                  <a:lnTo>
                    <a:pt x="4809005" y="357408"/>
                  </a:lnTo>
                  <a:lnTo>
                    <a:pt x="448833" y="353252"/>
                  </a:lnTo>
                  <a:lnTo>
                    <a:pt x="0" y="0"/>
                  </a:lnTo>
                  <a:close/>
                </a:path>
              </a:pathLst>
            </a:custGeom>
            <a:gradFill flip="none" rotWithShape="1">
              <a:gsLst>
                <a:gs pos="0">
                  <a:srgbClr val="005392"/>
                </a:gs>
                <a:gs pos="31000">
                  <a:srgbClr val="0070C0"/>
                </a:gs>
                <a:gs pos="46104">
                  <a:srgbClr val="0171C0"/>
                </a:gs>
                <a:gs pos="63000">
                  <a:srgbClr val="0674C3"/>
                </a:gs>
                <a:gs pos="100000">
                  <a:srgbClr val="005392"/>
                </a:gs>
              </a:gsLst>
              <a:path path="circle">
                <a:fillToRect l="100000" b="100000"/>
              </a:path>
              <a:tileRect t="-100000" r="-100000"/>
            </a:gra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  <p:sp>
          <p:nvSpPr>
            <p:cNvPr id="10" name="TextBox 9"/>
            <p:cNvSpPr txBox="1"/>
            <p:nvPr/>
          </p:nvSpPr>
          <p:spPr>
            <a:xfrm>
              <a:off x="3594093" y="-27055"/>
              <a:ext cx="4958362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endParaRPr lang="en-US" sz="2000" dirty="0">
                <a:solidFill>
                  <a:schemeClr val="bg1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27935938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>
        <p:fade/>
      </p:transition>
    </mc:Choice>
    <mc:Fallback xmlns="" xmlns:mv="urn:schemas-microsoft-com:mac:vml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5="http://schemas.microsoft.com/office/powerpoint/2012/main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" dur="3000" fill="hold"/>
                                        <p:tgtEl>
                                          <p:spTgt spid="25"/>
                                        </p:tgtEl>
                                      </p:cBhvr>
                                      <p:by x="150000" y="150000"/>
                                    </p:animScale>
                                  </p:childTnLst>
                                </p:cTn>
                              </p:par>
                              <p:par>
                                <p:cTn id="7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0" dur="1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2" presetID="53" presetClass="entr" presetSubtype="16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" presetClass="entr" presetSubtype="4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4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5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3500"/>
                            </p:stCondLst>
                            <p:childTnLst>
                              <p:par>
                                <p:cTn id="28" presetID="4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5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5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4000"/>
                            </p:stCondLst>
                            <p:childTnLst>
                              <p:par>
                                <p:cTn id="34" presetID="4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7" dur="500" fill="hold"/>
                                        <p:tgtEl>
                                          <p:spTgt spid="5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500" fill="hold"/>
                                        <p:tgtEl>
                                          <p:spTgt spid="5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450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5" grpId="0" animBg="1"/>
      <p:bldP spid="2" grpId="0"/>
      <p:bldP spid="3" grpId="0" build="p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2" name="Picture 2" descr="Mobile search Handheld Devices iPhone Android Google, hand holding ...">
            <a:extLst>
              <a:ext uri="{FF2B5EF4-FFF2-40B4-BE49-F238E27FC236}">
                <a16:creationId xmlns:a16="http://schemas.microsoft.com/office/drawing/2014/main" id="{A1236A0D-3FCF-4A1D-A107-44D21CF50DC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1382" b="99770" l="549" r="94643">
                        <a14:foregroundMark x1="3571" y1="11982" x2="7555" y2="21429"/>
                        <a14:foregroundMark x1="7555" y1="21429" x2="8104" y2="25576"/>
                        <a14:foregroundMark x1="3297" y1="17051" x2="8516" y2="9217"/>
                        <a14:foregroundMark x1="8516" y1="9217" x2="19643" y2="6221"/>
                        <a14:foregroundMark x1="6868" y1="10138" x2="0" y2="13134"/>
                        <a14:foregroundMark x1="0" y1="13134" x2="3846" y2="22811"/>
                        <a14:foregroundMark x1="3846" y1="22811" x2="3846" y2="27650"/>
                        <a14:foregroundMark x1="64423" y1="82719" x2="73214" y2="93779"/>
                        <a14:foregroundMark x1="50962" y1="93548" x2="72802" y2="97926"/>
                        <a14:foregroundMark x1="72802" y1="97926" x2="74176" y2="99078"/>
                        <a14:foregroundMark x1="94190" y1="99559" x2="94643" y2="99770"/>
                        <a14:foregroundMark x1="13736" y1="4147" x2="18132" y2="1382"/>
                        <a14:foregroundMark x1="4509" y1="9951" x2="13736" y2="4147"/>
                        <a14:foregroundMark x1="549" y1="12442" x2="2651" y2="11120"/>
                        <a14:foregroundMark x1="4790" y1="9020" x2="16621" y2="3456"/>
                        <a14:foregroundMark x1="1923" y1="10369" x2="3036" y2="9846"/>
                        <a14:foregroundMark x1="13743" y1="4147" x2="18132" y2="2074"/>
                        <a14:foregroundMark x1="5017" y1="8268" x2="13743" y2="4147"/>
                        <a14:foregroundMark x1="13569" y1="4147" x2="17170" y2="2304"/>
                        <a14:foregroundMark x1="9066" y1="6452" x2="13569" y2="4147"/>
                        <a14:foregroundMark x1="12873" y1="4147" x2="18132" y2="1382"/>
                        <a14:foregroundMark x1="8929" y1="6221" x2="12873" y2="4147"/>
                        <a14:foregroundMark x1="4121" y1="8986" x2="4121" y2="8986"/>
                        <a14:foregroundMark x1="2198" y1="48387" x2="2216" y2="48851"/>
                        <a14:foregroundMark x1="2610" y1="41705" x2="2610" y2="41705"/>
                        <a14:backgroundMark x1="67582" y1="64516" x2="71703" y2="73963"/>
                        <a14:backgroundMark x1="77266" y1="80184" x2="87363" y2="91475"/>
                        <a14:backgroundMark x1="71703" y1="73963" x2="77266" y2="80184"/>
                        <a14:backgroundMark x1="62500" y1="49770" x2="69093" y2="70507"/>
                        <a14:backgroundMark x1="69093" y1="70507" x2="69093" y2="70737"/>
                        <a14:backgroundMark x1="91758" y1="94470" x2="91758" y2="94470"/>
                        <a14:backgroundMark x1="91758" y1="94470" x2="92582" y2="94470"/>
                        <a14:backgroundMark x1="90797" y1="93548" x2="95330" y2="97465"/>
                        <a14:backgroundMark x1="75412" y1="79724" x2="75687" y2="80645"/>
                        <a14:backgroundMark x1="37363" y1="41935" x2="59478" y2="46544"/>
                        <a14:backgroundMark x1="47802" y1="44931" x2="50962" y2="45622"/>
                        <a14:backgroundMark x1="60852" y1="47005" x2="62363" y2="51382"/>
                        <a14:backgroundMark x1="63736" y1="53917" x2="64560" y2="56912"/>
                        <a14:backgroundMark x1="71291" y1="75576" x2="71429" y2="74654"/>
                        <a14:backgroundMark x1="71429" y1="76267" x2="71429" y2="76267"/>
                        <a14:backgroundMark x1="3434" y1="8525" x2="5357" y2="7143"/>
                        <a14:backgroundMark x1="13462" y1="2074" x2="13462" y2="2074"/>
                        <a14:backgroundMark x1="16896" y1="691" x2="16896" y2="691"/>
                        <a14:backgroundMark x1="10852" y1="4147" x2="10852" y2="4147"/>
                        <a14:backgroundMark x1="11676" y1="4147" x2="11676" y2="4147"/>
                        <a14:backgroundMark x1="17995" y1="691" x2="17995" y2="691"/>
                        <a14:backgroundMark x1="19505" y1="0" x2="19505" y2="0"/>
                        <a14:backgroundMark x1="4396" y1="39401" x2="4396" y2="39401"/>
                        <a14:backgroundMark x1="2335" y1="48157" x2="2335" y2="48157"/>
                        <a14:backgroundMark x1="2198" y1="51152" x2="2198" y2="51152"/>
                        <a14:backgroundMark x1="2060" y1="54147" x2="2060" y2="54147"/>
                        <a14:backgroundMark x1="2335" y1="50000" x2="2198" y2="53456"/>
                        <a14:backgroundMark x1="2198" y1="48848" x2="2060" y2="51613"/>
                        <a14:backgroundMark x1="2473" y1="53226" x2="1786" y2="67742"/>
                        <a14:backgroundMark x1="2198" y1="69124" x2="2610" y2="80415"/>
                        <a14:backgroundMark x1="3984" y1="93088" x2="4121" y2="96083"/>
                        <a14:backgroundMark x1="8791" y1="59447" x2="9066" y2="63825"/>
                        <a14:backgroundMark x1="35440" y1="44009" x2="34066" y2="49770"/>
                        <a14:backgroundMark x1="81456" y1="86406" x2="81456" y2="86406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2273" y="3604437"/>
            <a:ext cx="5117819" cy="305100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33" name="Group 32">
            <a:extLst>
              <a:ext uri="{FF2B5EF4-FFF2-40B4-BE49-F238E27FC236}">
                <a16:creationId xmlns:a16="http://schemas.microsoft.com/office/drawing/2014/main" id="{4970E79F-3CCC-4991-88CC-8230C54A572A}"/>
              </a:ext>
            </a:extLst>
          </p:cNvPr>
          <p:cNvGrpSpPr/>
          <p:nvPr/>
        </p:nvGrpSpPr>
        <p:grpSpPr>
          <a:xfrm>
            <a:off x="9865928" y="-247650"/>
            <a:ext cx="2554673" cy="2319503"/>
            <a:chOff x="9637328" y="5019675"/>
            <a:chExt cx="2554673" cy="2319503"/>
          </a:xfrm>
        </p:grpSpPr>
        <p:sp>
          <p:nvSpPr>
            <p:cNvPr id="28" name="Oval 27">
              <a:extLst>
                <a:ext uri="{FF2B5EF4-FFF2-40B4-BE49-F238E27FC236}">
                  <a16:creationId xmlns:a16="http://schemas.microsoft.com/office/drawing/2014/main" id="{92607D6E-9CC6-41DD-B64D-E6770BEA17B9}"/>
                </a:ext>
              </a:extLst>
            </p:cNvPr>
            <p:cNvSpPr/>
            <p:nvPr/>
          </p:nvSpPr>
          <p:spPr>
            <a:xfrm>
              <a:off x="10058401" y="5019675"/>
              <a:ext cx="2133600" cy="1905000"/>
            </a:xfrm>
            <a:prstGeom prst="ellipse">
              <a:avLst/>
            </a:prstGeom>
            <a:solidFill>
              <a:srgbClr val="C1F49A"/>
            </a:solidFill>
            <a:ln>
              <a:noFill/>
            </a:ln>
          </p:spPr>
          <p:style>
            <a:lnRef idx="2">
              <a:schemeClr val="accent6">
                <a:shade val="50000"/>
              </a:schemeClr>
            </a:lnRef>
            <a:fillRef idx="1">
              <a:schemeClr val="accent6"/>
            </a:fillRef>
            <a:effectRef idx="0">
              <a:schemeClr val="accent6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 dirty="0"/>
            </a:p>
          </p:txBody>
        </p:sp>
        <p:sp>
          <p:nvSpPr>
            <p:cNvPr id="29" name="TextBox 28">
              <a:extLst>
                <a:ext uri="{FF2B5EF4-FFF2-40B4-BE49-F238E27FC236}">
                  <a16:creationId xmlns:a16="http://schemas.microsoft.com/office/drawing/2014/main" id="{BC63F877-B1FF-4F7E-B743-53640070F9CC}"/>
                </a:ext>
              </a:extLst>
            </p:cNvPr>
            <p:cNvSpPr txBox="1"/>
            <p:nvPr/>
          </p:nvSpPr>
          <p:spPr>
            <a:xfrm>
              <a:off x="10086975" y="5552475"/>
              <a:ext cx="1571625" cy="107721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id-ID" sz="1600" dirty="0"/>
                <a:t>Materi adalah RATU, dan Metode adalah RAJA-nya.</a:t>
              </a:r>
            </a:p>
          </p:txBody>
        </p:sp>
        <p:sp>
          <p:nvSpPr>
            <p:cNvPr id="30" name="Oval 29">
              <a:extLst>
                <a:ext uri="{FF2B5EF4-FFF2-40B4-BE49-F238E27FC236}">
                  <a16:creationId xmlns:a16="http://schemas.microsoft.com/office/drawing/2014/main" id="{C5B309E2-B340-42D1-8588-7AB38D0BAE6A}"/>
                </a:ext>
              </a:extLst>
            </p:cNvPr>
            <p:cNvSpPr/>
            <p:nvPr/>
          </p:nvSpPr>
          <p:spPr>
            <a:xfrm>
              <a:off x="9637328" y="5514318"/>
              <a:ext cx="367863" cy="367863"/>
            </a:xfrm>
            <a:prstGeom prst="ellipse">
              <a:avLst/>
            </a:prstGeom>
            <a:solidFill>
              <a:srgbClr val="C1F49A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  <p:sp>
          <p:nvSpPr>
            <p:cNvPr id="31" name="Oval 30">
              <a:extLst>
                <a:ext uri="{FF2B5EF4-FFF2-40B4-BE49-F238E27FC236}">
                  <a16:creationId xmlns:a16="http://schemas.microsoft.com/office/drawing/2014/main" id="{62B68E67-C1BE-46F8-95E0-6D872A5ABE56}"/>
                </a:ext>
              </a:extLst>
            </p:cNvPr>
            <p:cNvSpPr/>
            <p:nvPr/>
          </p:nvSpPr>
          <p:spPr>
            <a:xfrm>
              <a:off x="11181364" y="6971315"/>
              <a:ext cx="367863" cy="367863"/>
            </a:xfrm>
            <a:prstGeom prst="ellipse">
              <a:avLst/>
            </a:prstGeom>
            <a:solidFill>
              <a:srgbClr val="C1F49A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</p:grpSp>
      <p:grpSp>
        <p:nvGrpSpPr>
          <p:cNvPr id="43" name="Group 42">
            <a:extLst>
              <a:ext uri="{FF2B5EF4-FFF2-40B4-BE49-F238E27FC236}">
                <a16:creationId xmlns:a16="http://schemas.microsoft.com/office/drawing/2014/main" id="{159886FB-4C5D-4126-8F1F-FC11606309EB}"/>
              </a:ext>
            </a:extLst>
          </p:cNvPr>
          <p:cNvGrpSpPr/>
          <p:nvPr/>
        </p:nvGrpSpPr>
        <p:grpSpPr>
          <a:xfrm>
            <a:off x="2094085" y="1271239"/>
            <a:ext cx="7721601" cy="1302618"/>
            <a:chOff x="3165162" y="1620335"/>
            <a:chExt cx="7721601" cy="1131342"/>
          </a:xfrm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</p:grpSpPr>
        <p:sp>
          <p:nvSpPr>
            <p:cNvPr id="35" name="Freeform: Shape 34">
              <a:extLst>
                <a:ext uri="{FF2B5EF4-FFF2-40B4-BE49-F238E27FC236}">
                  <a16:creationId xmlns:a16="http://schemas.microsoft.com/office/drawing/2014/main" id="{C36B9DF5-2BBF-4A94-8E8B-0F4E9E46FFAF}"/>
                </a:ext>
              </a:extLst>
            </p:cNvPr>
            <p:cNvSpPr/>
            <p:nvPr/>
          </p:nvSpPr>
          <p:spPr>
            <a:xfrm>
              <a:off x="5854951" y="1688131"/>
              <a:ext cx="5031812" cy="997553"/>
            </a:xfrm>
            <a:custGeom>
              <a:avLst/>
              <a:gdLst>
                <a:gd name="connsiteX0" fmla="*/ 143486 w 860901"/>
                <a:gd name="connsiteY0" fmla="*/ 0 h 4941824"/>
                <a:gd name="connsiteX1" fmla="*/ 717415 w 860901"/>
                <a:gd name="connsiteY1" fmla="*/ 0 h 4941824"/>
                <a:gd name="connsiteX2" fmla="*/ 860901 w 860901"/>
                <a:gd name="connsiteY2" fmla="*/ 143486 h 4941824"/>
                <a:gd name="connsiteX3" fmla="*/ 860901 w 860901"/>
                <a:gd name="connsiteY3" fmla="*/ 4941824 h 4941824"/>
                <a:gd name="connsiteX4" fmla="*/ 860901 w 860901"/>
                <a:gd name="connsiteY4" fmla="*/ 4941824 h 4941824"/>
                <a:gd name="connsiteX5" fmla="*/ 0 w 860901"/>
                <a:gd name="connsiteY5" fmla="*/ 4941824 h 4941824"/>
                <a:gd name="connsiteX6" fmla="*/ 0 w 860901"/>
                <a:gd name="connsiteY6" fmla="*/ 4941824 h 4941824"/>
                <a:gd name="connsiteX7" fmla="*/ 0 w 860901"/>
                <a:gd name="connsiteY7" fmla="*/ 143486 h 4941824"/>
                <a:gd name="connsiteX8" fmla="*/ 143486 w 860901"/>
                <a:gd name="connsiteY8" fmla="*/ 0 h 494182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860901" h="4941824">
                  <a:moveTo>
                    <a:pt x="860901" y="823654"/>
                  </a:moveTo>
                  <a:lnTo>
                    <a:pt x="860901" y="4118170"/>
                  </a:lnTo>
                  <a:cubicBezTo>
                    <a:pt x="860901" y="4573059"/>
                    <a:pt x="849710" y="4941821"/>
                    <a:pt x="835905" y="4941821"/>
                  </a:cubicBezTo>
                  <a:lnTo>
                    <a:pt x="0" y="4941821"/>
                  </a:lnTo>
                  <a:lnTo>
                    <a:pt x="0" y="4941821"/>
                  </a:lnTo>
                  <a:lnTo>
                    <a:pt x="0" y="3"/>
                  </a:lnTo>
                  <a:lnTo>
                    <a:pt x="0" y="3"/>
                  </a:lnTo>
                  <a:lnTo>
                    <a:pt x="835905" y="3"/>
                  </a:lnTo>
                  <a:cubicBezTo>
                    <a:pt x="849710" y="3"/>
                    <a:pt x="860901" y="368765"/>
                    <a:pt x="860901" y="823654"/>
                  </a:cubicBezTo>
                  <a:close/>
                </a:path>
              </a:pathLst>
            </a:custGeom>
            <a:solidFill>
              <a:schemeClr val="bg1">
                <a:alpha val="90000"/>
              </a:schemeClr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  <a:sp3d>
              <a:bevelT w="190500" h="38100"/>
            </a:sp3d>
          </p:spPr>
          <p:style>
            <a:lnRef idx="2">
              <a:schemeClr val="accent5">
                <a:tint val="40000"/>
                <a:alpha val="90000"/>
                <a:hueOff val="0"/>
                <a:satOff val="0"/>
                <a:lumOff val="0"/>
                <a:alphaOff val="0"/>
              </a:schemeClr>
            </a:lnRef>
            <a:fillRef idx="1">
              <a:schemeClr val="accent5">
                <a:tint val="40000"/>
                <a:alpha val="90000"/>
                <a:hueOff val="0"/>
                <a:satOff val="0"/>
                <a:lumOff val="0"/>
                <a:alphaOff val="0"/>
              </a:schemeClr>
            </a:fillRef>
            <a:effectRef idx="0">
              <a:schemeClr val="accent5">
                <a:tint val="40000"/>
                <a:alpha val="9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247651" tIns="165851" rIns="289676" bIns="165852" numCol="1" spcCol="1270" anchor="ctr" anchorCtr="0">
              <a:noAutofit/>
            </a:bodyPr>
            <a:lstStyle/>
            <a:p>
              <a:pPr lvl="1" defTabSz="8890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</a:pPr>
              <a:r>
                <a:rPr lang="id-ID" sz="2000" kern="1200" dirty="0">
                  <a:sym typeface="Wingdings" panose="05000000000000000000" pitchFamily="2" charset="2"/>
                </a:rPr>
                <a:t>Ex. https://support.microsoft.com, education.microsoft.com, spada.kemdikbud.go.id, dst.</a:t>
              </a:r>
              <a:endParaRPr lang="id-ID" sz="2000" kern="1200" dirty="0"/>
            </a:p>
          </p:txBody>
        </p:sp>
        <p:sp>
          <p:nvSpPr>
            <p:cNvPr id="36" name="Freeform: Shape 35">
              <a:extLst>
                <a:ext uri="{FF2B5EF4-FFF2-40B4-BE49-F238E27FC236}">
                  <a16:creationId xmlns:a16="http://schemas.microsoft.com/office/drawing/2014/main" id="{577923F1-1C93-4E00-9087-81583C55D495}"/>
                </a:ext>
              </a:extLst>
            </p:cNvPr>
            <p:cNvSpPr/>
            <p:nvPr/>
          </p:nvSpPr>
          <p:spPr>
            <a:xfrm>
              <a:off x="3165162" y="1620335"/>
              <a:ext cx="2779776" cy="1131342"/>
            </a:xfrm>
            <a:custGeom>
              <a:avLst/>
              <a:gdLst>
                <a:gd name="connsiteX0" fmla="*/ 0 w 2779776"/>
                <a:gd name="connsiteY0" fmla="*/ 179358 h 1076126"/>
                <a:gd name="connsiteX1" fmla="*/ 179358 w 2779776"/>
                <a:gd name="connsiteY1" fmla="*/ 0 h 1076126"/>
                <a:gd name="connsiteX2" fmla="*/ 2600418 w 2779776"/>
                <a:gd name="connsiteY2" fmla="*/ 0 h 1076126"/>
                <a:gd name="connsiteX3" fmla="*/ 2779776 w 2779776"/>
                <a:gd name="connsiteY3" fmla="*/ 179358 h 1076126"/>
                <a:gd name="connsiteX4" fmla="*/ 2779776 w 2779776"/>
                <a:gd name="connsiteY4" fmla="*/ 896768 h 1076126"/>
                <a:gd name="connsiteX5" fmla="*/ 2600418 w 2779776"/>
                <a:gd name="connsiteY5" fmla="*/ 1076126 h 1076126"/>
                <a:gd name="connsiteX6" fmla="*/ 179358 w 2779776"/>
                <a:gd name="connsiteY6" fmla="*/ 1076126 h 1076126"/>
                <a:gd name="connsiteX7" fmla="*/ 0 w 2779776"/>
                <a:gd name="connsiteY7" fmla="*/ 896768 h 1076126"/>
                <a:gd name="connsiteX8" fmla="*/ 0 w 2779776"/>
                <a:gd name="connsiteY8" fmla="*/ 179358 h 107612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779776" h="1076126">
                  <a:moveTo>
                    <a:pt x="0" y="179358"/>
                  </a:moveTo>
                  <a:cubicBezTo>
                    <a:pt x="0" y="80301"/>
                    <a:pt x="80301" y="0"/>
                    <a:pt x="179358" y="0"/>
                  </a:cubicBezTo>
                  <a:lnTo>
                    <a:pt x="2600418" y="0"/>
                  </a:lnTo>
                  <a:cubicBezTo>
                    <a:pt x="2699475" y="0"/>
                    <a:pt x="2779776" y="80301"/>
                    <a:pt x="2779776" y="179358"/>
                  </a:cubicBezTo>
                  <a:lnTo>
                    <a:pt x="2779776" y="896768"/>
                  </a:lnTo>
                  <a:cubicBezTo>
                    <a:pt x="2779776" y="995825"/>
                    <a:pt x="2699475" y="1076126"/>
                    <a:pt x="2600418" y="1076126"/>
                  </a:cubicBezTo>
                  <a:lnTo>
                    <a:pt x="179358" y="1076126"/>
                  </a:lnTo>
                  <a:cubicBezTo>
                    <a:pt x="80301" y="1076126"/>
                    <a:pt x="0" y="995825"/>
                    <a:pt x="0" y="896768"/>
                  </a:cubicBezTo>
                  <a:lnTo>
                    <a:pt x="0" y="179358"/>
                  </a:lnTo>
                  <a:close/>
                </a:path>
              </a:pathLst>
            </a:custGeom>
            <a:ln/>
          </p:spPr>
          <p:style>
            <a:lnRef idx="1">
              <a:schemeClr val="accent4"/>
            </a:lnRef>
            <a:fillRef idx="2">
              <a:schemeClr val="accent4"/>
            </a:fillRef>
            <a:effectRef idx="1">
              <a:schemeClr val="accent4"/>
            </a:effectRef>
            <a:fontRef idx="minor">
              <a:schemeClr val="dk1"/>
            </a:fontRef>
          </p:style>
          <p:txBody>
            <a:bodyPr spcFirstLastPara="0" vert="horz" wrap="square" lIns="128732" tIns="90632" rIns="128732" bIns="90632" numCol="1" spcCol="1270" anchor="ctr" anchorCtr="0">
              <a:noAutofit/>
            </a:bodyPr>
            <a:lstStyle/>
            <a:p>
              <a:pPr marL="0" lvl="0" indent="0" algn="ctr" defTabSz="8890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000" kern="1200" dirty="0"/>
                <a:t>Open </a:t>
              </a:r>
              <a:br>
                <a:rPr lang="id-ID" sz="2000" kern="1200" dirty="0"/>
              </a:br>
              <a:r>
                <a:rPr lang="id-ID" sz="2000" kern="1200" dirty="0"/>
                <a:t>Learning</a:t>
              </a: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36F3CCAB-A1D4-4D2C-847C-2F6DA7C10F5A}"/>
              </a:ext>
            </a:extLst>
          </p:cNvPr>
          <p:cNvGrpSpPr/>
          <p:nvPr/>
        </p:nvGrpSpPr>
        <p:grpSpPr>
          <a:xfrm>
            <a:off x="2724705" y="2701482"/>
            <a:ext cx="7721601" cy="1076126"/>
            <a:chOff x="3165162" y="2805484"/>
            <a:chExt cx="7721601" cy="1076126"/>
          </a:xfrm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</p:grpSpPr>
        <p:sp>
          <p:nvSpPr>
            <p:cNvPr id="37" name="Freeform: Shape 36">
              <a:extLst>
                <a:ext uri="{FF2B5EF4-FFF2-40B4-BE49-F238E27FC236}">
                  <a16:creationId xmlns:a16="http://schemas.microsoft.com/office/drawing/2014/main" id="{91FF6A0B-3721-4D8C-8E57-0CC2A8691AE2}"/>
                </a:ext>
              </a:extLst>
            </p:cNvPr>
            <p:cNvSpPr/>
            <p:nvPr/>
          </p:nvSpPr>
          <p:spPr>
            <a:xfrm>
              <a:off x="5848799" y="2858352"/>
              <a:ext cx="5037964" cy="981309"/>
            </a:xfrm>
            <a:custGeom>
              <a:avLst/>
              <a:gdLst>
                <a:gd name="connsiteX0" fmla="*/ 143486 w 860901"/>
                <a:gd name="connsiteY0" fmla="*/ 0 h 4941824"/>
                <a:gd name="connsiteX1" fmla="*/ 717415 w 860901"/>
                <a:gd name="connsiteY1" fmla="*/ 0 h 4941824"/>
                <a:gd name="connsiteX2" fmla="*/ 860901 w 860901"/>
                <a:gd name="connsiteY2" fmla="*/ 143486 h 4941824"/>
                <a:gd name="connsiteX3" fmla="*/ 860901 w 860901"/>
                <a:gd name="connsiteY3" fmla="*/ 4941824 h 4941824"/>
                <a:gd name="connsiteX4" fmla="*/ 860901 w 860901"/>
                <a:gd name="connsiteY4" fmla="*/ 4941824 h 4941824"/>
                <a:gd name="connsiteX5" fmla="*/ 0 w 860901"/>
                <a:gd name="connsiteY5" fmla="*/ 4941824 h 4941824"/>
                <a:gd name="connsiteX6" fmla="*/ 0 w 860901"/>
                <a:gd name="connsiteY6" fmla="*/ 4941824 h 4941824"/>
                <a:gd name="connsiteX7" fmla="*/ 0 w 860901"/>
                <a:gd name="connsiteY7" fmla="*/ 143486 h 4941824"/>
                <a:gd name="connsiteX8" fmla="*/ 143486 w 860901"/>
                <a:gd name="connsiteY8" fmla="*/ 0 h 494182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860901" h="4941824">
                  <a:moveTo>
                    <a:pt x="860901" y="823654"/>
                  </a:moveTo>
                  <a:lnTo>
                    <a:pt x="860901" y="4118170"/>
                  </a:lnTo>
                  <a:cubicBezTo>
                    <a:pt x="860901" y="4573059"/>
                    <a:pt x="849710" y="4941821"/>
                    <a:pt x="835905" y="4941821"/>
                  </a:cubicBezTo>
                  <a:lnTo>
                    <a:pt x="0" y="4941821"/>
                  </a:lnTo>
                  <a:lnTo>
                    <a:pt x="0" y="4941821"/>
                  </a:lnTo>
                  <a:lnTo>
                    <a:pt x="0" y="3"/>
                  </a:lnTo>
                  <a:lnTo>
                    <a:pt x="0" y="3"/>
                  </a:lnTo>
                  <a:lnTo>
                    <a:pt x="835905" y="3"/>
                  </a:lnTo>
                  <a:cubicBezTo>
                    <a:pt x="849710" y="3"/>
                    <a:pt x="860901" y="368765"/>
                    <a:pt x="860901" y="823654"/>
                  </a:cubicBezTo>
                  <a:close/>
                </a:path>
              </a:pathLst>
            </a:custGeom>
            <a:solidFill>
              <a:srgbClr val="FFFFCC">
                <a:alpha val="89804"/>
              </a:srgbClr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  <a:sp3d>
              <a:bevelT w="190500" h="38100"/>
            </a:sp3d>
          </p:spPr>
          <p:style>
            <a:lnRef idx="2">
              <a:schemeClr val="accent5">
                <a:tint val="40000"/>
                <a:alpha val="90000"/>
                <a:hueOff val="-2463918"/>
                <a:satOff val="-4272"/>
                <a:lumOff val="-430"/>
                <a:alphaOff val="0"/>
              </a:schemeClr>
            </a:lnRef>
            <a:fillRef idx="1">
              <a:schemeClr val="accent5">
                <a:tint val="40000"/>
                <a:alpha val="90000"/>
                <a:hueOff val="-2463918"/>
                <a:satOff val="-4272"/>
                <a:lumOff val="-430"/>
                <a:alphaOff val="0"/>
              </a:schemeClr>
            </a:fillRef>
            <a:effectRef idx="0">
              <a:schemeClr val="accent5">
                <a:tint val="40000"/>
                <a:alpha val="90000"/>
                <a:hueOff val="-2463918"/>
                <a:satOff val="-4272"/>
                <a:lumOff val="-43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247651" tIns="165851" rIns="289676" bIns="165852" numCol="1" spcCol="1270" anchor="ctr" anchorCtr="0">
              <a:noAutofit/>
            </a:bodyPr>
            <a:lstStyle/>
            <a:p>
              <a:pPr lvl="1" defTabSz="8890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</a:pPr>
              <a:r>
                <a:rPr lang="id-ID" sz="2000" kern="1200" dirty="0">
                  <a:sym typeface="Wingdings" panose="05000000000000000000" pitchFamily="2" charset="2"/>
                </a:rPr>
                <a:t>Ex. Repositori, ePrint, iPusnas, </a:t>
              </a:r>
            </a:p>
            <a:p>
              <a:pPr lvl="1" defTabSz="8890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</a:pPr>
              <a:r>
                <a:rPr lang="id-ID" sz="2000" kern="1200" dirty="0">
                  <a:sym typeface="Wingdings" panose="05000000000000000000" pitchFamily="2" charset="2"/>
                </a:rPr>
                <a:t>      </a:t>
              </a:r>
              <a:r>
                <a:rPr lang="id-ID" sz="2000" kern="1200" dirty="0"/>
                <a:t>libgen.is, z-lib.org, ojs, dst.</a:t>
              </a:r>
              <a:endParaRPr lang="id-ID" sz="2000" kern="1200" dirty="0">
                <a:sym typeface="Wingdings" panose="05000000000000000000" pitchFamily="2" charset="2"/>
              </a:endParaRPr>
            </a:p>
          </p:txBody>
        </p:sp>
        <p:sp>
          <p:nvSpPr>
            <p:cNvPr id="38" name="Freeform: Shape 37">
              <a:extLst>
                <a:ext uri="{FF2B5EF4-FFF2-40B4-BE49-F238E27FC236}">
                  <a16:creationId xmlns:a16="http://schemas.microsoft.com/office/drawing/2014/main" id="{4B7ED69E-790B-4787-8B80-A54AEE3F60E6}"/>
                </a:ext>
              </a:extLst>
            </p:cNvPr>
            <p:cNvSpPr/>
            <p:nvPr/>
          </p:nvSpPr>
          <p:spPr>
            <a:xfrm>
              <a:off x="3165162" y="2805484"/>
              <a:ext cx="2779776" cy="1076126"/>
            </a:xfrm>
            <a:custGeom>
              <a:avLst/>
              <a:gdLst>
                <a:gd name="connsiteX0" fmla="*/ 0 w 2779776"/>
                <a:gd name="connsiteY0" fmla="*/ 179358 h 1076126"/>
                <a:gd name="connsiteX1" fmla="*/ 179358 w 2779776"/>
                <a:gd name="connsiteY1" fmla="*/ 0 h 1076126"/>
                <a:gd name="connsiteX2" fmla="*/ 2600418 w 2779776"/>
                <a:gd name="connsiteY2" fmla="*/ 0 h 1076126"/>
                <a:gd name="connsiteX3" fmla="*/ 2779776 w 2779776"/>
                <a:gd name="connsiteY3" fmla="*/ 179358 h 1076126"/>
                <a:gd name="connsiteX4" fmla="*/ 2779776 w 2779776"/>
                <a:gd name="connsiteY4" fmla="*/ 896768 h 1076126"/>
                <a:gd name="connsiteX5" fmla="*/ 2600418 w 2779776"/>
                <a:gd name="connsiteY5" fmla="*/ 1076126 h 1076126"/>
                <a:gd name="connsiteX6" fmla="*/ 179358 w 2779776"/>
                <a:gd name="connsiteY6" fmla="*/ 1076126 h 1076126"/>
                <a:gd name="connsiteX7" fmla="*/ 0 w 2779776"/>
                <a:gd name="connsiteY7" fmla="*/ 896768 h 1076126"/>
                <a:gd name="connsiteX8" fmla="*/ 0 w 2779776"/>
                <a:gd name="connsiteY8" fmla="*/ 179358 h 107612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779776" h="1076126">
                  <a:moveTo>
                    <a:pt x="0" y="179358"/>
                  </a:moveTo>
                  <a:cubicBezTo>
                    <a:pt x="0" y="80301"/>
                    <a:pt x="80301" y="0"/>
                    <a:pt x="179358" y="0"/>
                  </a:cubicBezTo>
                  <a:lnTo>
                    <a:pt x="2600418" y="0"/>
                  </a:lnTo>
                  <a:cubicBezTo>
                    <a:pt x="2699475" y="0"/>
                    <a:pt x="2779776" y="80301"/>
                    <a:pt x="2779776" y="179358"/>
                  </a:cubicBezTo>
                  <a:lnTo>
                    <a:pt x="2779776" y="896768"/>
                  </a:lnTo>
                  <a:cubicBezTo>
                    <a:pt x="2779776" y="995825"/>
                    <a:pt x="2699475" y="1076126"/>
                    <a:pt x="2600418" y="1076126"/>
                  </a:cubicBezTo>
                  <a:lnTo>
                    <a:pt x="179358" y="1076126"/>
                  </a:lnTo>
                  <a:cubicBezTo>
                    <a:pt x="80301" y="1076126"/>
                    <a:pt x="0" y="995825"/>
                    <a:pt x="0" y="896768"/>
                  </a:cubicBezTo>
                  <a:lnTo>
                    <a:pt x="0" y="179358"/>
                  </a:lnTo>
                  <a:close/>
                </a:path>
              </a:pathLst>
            </a:custGeom>
            <a:ln/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spcFirstLastPara="0" vert="horz" wrap="square" lIns="128732" tIns="90632" rIns="128732" bIns="90632" numCol="1" spcCol="1270" anchor="ctr" anchorCtr="0">
              <a:noAutofit/>
            </a:bodyPr>
            <a:lstStyle/>
            <a:p>
              <a:pPr marL="0" lvl="0" indent="0" algn="ctr" defTabSz="8890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000" kern="1200" dirty="0">
                  <a:sym typeface="Wingdings" panose="05000000000000000000" pitchFamily="2" charset="2"/>
                </a:rPr>
                <a:t>Digital Library</a:t>
              </a:r>
            </a:p>
          </p:txBody>
        </p:sp>
      </p:grpSp>
      <p:grpSp>
        <p:nvGrpSpPr>
          <p:cNvPr id="45" name="Group 44">
            <a:extLst>
              <a:ext uri="{FF2B5EF4-FFF2-40B4-BE49-F238E27FC236}">
                <a16:creationId xmlns:a16="http://schemas.microsoft.com/office/drawing/2014/main" id="{C86F11AE-0A1E-4BFD-849D-7DA22B05AB27}"/>
              </a:ext>
            </a:extLst>
          </p:cNvPr>
          <p:cNvGrpSpPr/>
          <p:nvPr/>
        </p:nvGrpSpPr>
        <p:grpSpPr>
          <a:xfrm>
            <a:off x="3491961" y="3905110"/>
            <a:ext cx="7831713" cy="1076126"/>
            <a:chOff x="3165162" y="3935417"/>
            <a:chExt cx="7831713" cy="1076126"/>
          </a:xfrm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</p:grpSpPr>
        <p:sp>
          <p:nvSpPr>
            <p:cNvPr id="39" name="Freeform: Shape 38">
              <a:extLst>
                <a:ext uri="{FF2B5EF4-FFF2-40B4-BE49-F238E27FC236}">
                  <a16:creationId xmlns:a16="http://schemas.microsoft.com/office/drawing/2014/main" id="{E1C05AFA-9A3E-4650-9FC2-1F4BFB124BEA}"/>
                </a:ext>
              </a:extLst>
            </p:cNvPr>
            <p:cNvSpPr/>
            <p:nvPr/>
          </p:nvSpPr>
          <p:spPr>
            <a:xfrm>
              <a:off x="5862128" y="3977838"/>
              <a:ext cx="5134747" cy="981307"/>
            </a:xfrm>
            <a:custGeom>
              <a:avLst/>
              <a:gdLst>
                <a:gd name="connsiteX0" fmla="*/ 143486 w 860901"/>
                <a:gd name="connsiteY0" fmla="*/ 0 h 4941824"/>
                <a:gd name="connsiteX1" fmla="*/ 717415 w 860901"/>
                <a:gd name="connsiteY1" fmla="*/ 0 h 4941824"/>
                <a:gd name="connsiteX2" fmla="*/ 860901 w 860901"/>
                <a:gd name="connsiteY2" fmla="*/ 143486 h 4941824"/>
                <a:gd name="connsiteX3" fmla="*/ 860901 w 860901"/>
                <a:gd name="connsiteY3" fmla="*/ 4941824 h 4941824"/>
                <a:gd name="connsiteX4" fmla="*/ 860901 w 860901"/>
                <a:gd name="connsiteY4" fmla="*/ 4941824 h 4941824"/>
                <a:gd name="connsiteX5" fmla="*/ 0 w 860901"/>
                <a:gd name="connsiteY5" fmla="*/ 4941824 h 4941824"/>
                <a:gd name="connsiteX6" fmla="*/ 0 w 860901"/>
                <a:gd name="connsiteY6" fmla="*/ 4941824 h 4941824"/>
                <a:gd name="connsiteX7" fmla="*/ 0 w 860901"/>
                <a:gd name="connsiteY7" fmla="*/ 143486 h 4941824"/>
                <a:gd name="connsiteX8" fmla="*/ 143486 w 860901"/>
                <a:gd name="connsiteY8" fmla="*/ 0 h 494182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860901" h="4941824">
                  <a:moveTo>
                    <a:pt x="860901" y="823654"/>
                  </a:moveTo>
                  <a:lnTo>
                    <a:pt x="860901" y="4118170"/>
                  </a:lnTo>
                  <a:cubicBezTo>
                    <a:pt x="860901" y="4573059"/>
                    <a:pt x="849710" y="4941821"/>
                    <a:pt x="835905" y="4941821"/>
                  </a:cubicBezTo>
                  <a:lnTo>
                    <a:pt x="0" y="4941821"/>
                  </a:lnTo>
                  <a:lnTo>
                    <a:pt x="0" y="4941821"/>
                  </a:lnTo>
                  <a:lnTo>
                    <a:pt x="0" y="3"/>
                  </a:lnTo>
                  <a:lnTo>
                    <a:pt x="0" y="3"/>
                  </a:lnTo>
                  <a:lnTo>
                    <a:pt x="835905" y="3"/>
                  </a:lnTo>
                  <a:cubicBezTo>
                    <a:pt x="849710" y="3"/>
                    <a:pt x="860901" y="368765"/>
                    <a:pt x="860901" y="823654"/>
                  </a:cubicBezTo>
                  <a:close/>
                </a:path>
              </a:pathLst>
            </a:custGeom>
            <a:solidFill>
              <a:schemeClr val="bg1">
                <a:alpha val="90000"/>
              </a:schemeClr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  <a:sp3d>
              <a:bevelT w="190500" h="38100"/>
            </a:sp3d>
          </p:spPr>
          <p:style>
            <a:lnRef idx="2">
              <a:schemeClr val="accent5">
                <a:tint val="40000"/>
                <a:alpha val="90000"/>
                <a:hueOff val="-4927837"/>
                <a:satOff val="-8544"/>
                <a:lumOff val="-859"/>
                <a:alphaOff val="0"/>
              </a:schemeClr>
            </a:lnRef>
            <a:fillRef idx="1">
              <a:schemeClr val="accent5">
                <a:tint val="40000"/>
                <a:alpha val="90000"/>
                <a:hueOff val="-4927837"/>
                <a:satOff val="-8544"/>
                <a:lumOff val="-859"/>
                <a:alphaOff val="0"/>
              </a:schemeClr>
            </a:fillRef>
            <a:effectRef idx="0">
              <a:schemeClr val="accent5">
                <a:tint val="40000"/>
                <a:alpha val="90000"/>
                <a:hueOff val="-4927837"/>
                <a:satOff val="-8544"/>
                <a:lumOff val="-859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247651" tIns="165851" rIns="289676" bIns="165852" numCol="1" spcCol="1270" anchor="ctr" anchorCtr="0">
              <a:noAutofit/>
            </a:bodyPr>
            <a:lstStyle/>
            <a:p>
              <a:pPr lvl="1" defTabSz="8890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</a:pPr>
              <a:r>
                <a:rPr lang="id-ID" sz="2000" kern="1200" dirty="0"/>
                <a:t>Ex. Moraref, neliti, google scholar, </a:t>
              </a:r>
              <a:br>
                <a:rPr lang="id-ID" sz="2000" kern="1200" dirty="0"/>
              </a:br>
              <a:r>
                <a:rPr lang="id-ID" sz="2000" kern="1200" dirty="0"/>
                <a:t>      doaj, sciencedirect.com, </a:t>
              </a:r>
            </a:p>
            <a:p>
              <a:pPr lvl="1" defTabSz="8890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</a:pPr>
              <a:r>
                <a:rPr lang="id-ID" sz="2000" kern="1200" dirty="0"/>
                <a:t>      http://e-resources.perpusnas.go.id,</a:t>
              </a:r>
            </a:p>
          </p:txBody>
        </p:sp>
        <p:sp>
          <p:nvSpPr>
            <p:cNvPr id="40" name="Freeform: Shape 39">
              <a:extLst>
                <a:ext uri="{FF2B5EF4-FFF2-40B4-BE49-F238E27FC236}">
                  <a16:creationId xmlns:a16="http://schemas.microsoft.com/office/drawing/2014/main" id="{C926C494-0127-4E40-8B25-0B3E880C0B72}"/>
                </a:ext>
              </a:extLst>
            </p:cNvPr>
            <p:cNvSpPr/>
            <p:nvPr/>
          </p:nvSpPr>
          <p:spPr>
            <a:xfrm>
              <a:off x="3165162" y="3935417"/>
              <a:ext cx="2779776" cy="1076126"/>
            </a:xfrm>
            <a:custGeom>
              <a:avLst/>
              <a:gdLst>
                <a:gd name="connsiteX0" fmla="*/ 0 w 2779776"/>
                <a:gd name="connsiteY0" fmla="*/ 179358 h 1076126"/>
                <a:gd name="connsiteX1" fmla="*/ 179358 w 2779776"/>
                <a:gd name="connsiteY1" fmla="*/ 0 h 1076126"/>
                <a:gd name="connsiteX2" fmla="*/ 2600418 w 2779776"/>
                <a:gd name="connsiteY2" fmla="*/ 0 h 1076126"/>
                <a:gd name="connsiteX3" fmla="*/ 2779776 w 2779776"/>
                <a:gd name="connsiteY3" fmla="*/ 179358 h 1076126"/>
                <a:gd name="connsiteX4" fmla="*/ 2779776 w 2779776"/>
                <a:gd name="connsiteY4" fmla="*/ 896768 h 1076126"/>
                <a:gd name="connsiteX5" fmla="*/ 2600418 w 2779776"/>
                <a:gd name="connsiteY5" fmla="*/ 1076126 h 1076126"/>
                <a:gd name="connsiteX6" fmla="*/ 179358 w 2779776"/>
                <a:gd name="connsiteY6" fmla="*/ 1076126 h 1076126"/>
                <a:gd name="connsiteX7" fmla="*/ 0 w 2779776"/>
                <a:gd name="connsiteY7" fmla="*/ 896768 h 1076126"/>
                <a:gd name="connsiteX8" fmla="*/ 0 w 2779776"/>
                <a:gd name="connsiteY8" fmla="*/ 179358 h 107612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779776" h="1076126">
                  <a:moveTo>
                    <a:pt x="0" y="179358"/>
                  </a:moveTo>
                  <a:cubicBezTo>
                    <a:pt x="0" y="80301"/>
                    <a:pt x="80301" y="0"/>
                    <a:pt x="179358" y="0"/>
                  </a:cubicBezTo>
                  <a:lnTo>
                    <a:pt x="2600418" y="0"/>
                  </a:lnTo>
                  <a:cubicBezTo>
                    <a:pt x="2699475" y="0"/>
                    <a:pt x="2779776" y="80301"/>
                    <a:pt x="2779776" y="179358"/>
                  </a:cubicBezTo>
                  <a:lnTo>
                    <a:pt x="2779776" y="896768"/>
                  </a:lnTo>
                  <a:cubicBezTo>
                    <a:pt x="2779776" y="995825"/>
                    <a:pt x="2699475" y="1076126"/>
                    <a:pt x="2600418" y="1076126"/>
                  </a:cubicBezTo>
                  <a:lnTo>
                    <a:pt x="179358" y="1076126"/>
                  </a:lnTo>
                  <a:cubicBezTo>
                    <a:pt x="80301" y="1076126"/>
                    <a:pt x="0" y="995825"/>
                    <a:pt x="0" y="896768"/>
                  </a:cubicBezTo>
                  <a:lnTo>
                    <a:pt x="0" y="179358"/>
                  </a:lnTo>
                  <a:close/>
                </a:path>
              </a:pathLst>
            </a:custGeom>
            <a:ln/>
          </p:spPr>
          <p:style>
            <a:lnRef idx="1">
              <a:schemeClr val="accent6"/>
            </a:lnRef>
            <a:fillRef idx="2">
              <a:schemeClr val="accent6"/>
            </a:fillRef>
            <a:effectRef idx="1">
              <a:schemeClr val="accent6"/>
            </a:effectRef>
            <a:fontRef idx="minor">
              <a:schemeClr val="dk1"/>
            </a:fontRef>
          </p:style>
          <p:txBody>
            <a:bodyPr spcFirstLastPara="0" vert="horz" wrap="square" lIns="128732" tIns="90632" rIns="128732" bIns="90632" numCol="1" spcCol="1270" anchor="ctr" anchorCtr="0">
              <a:noAutofit/>
            </a:bodyPr>
            <a:lstStyle/>
            <a:p>
              <a:pPr marL="0" lvl="0" indent="0" algn="ctr" defTabSz="8890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000" kern="1200" dirty="0">
                  <a:sym typeface="Wingdings" panose="05000000000000000000" pitchFamily="2" charset="2"/>
                </a:rPr>
                <a:t>Database</a:t>
              </a:r>
            </a:p>
          </p:txBody>
        </p:sp>
      </p:grpSp>
      <p:grpSp>
        <p:nvGrpSpPr>
          <p:cNvPr id="46" name="Group 45">
            <a:extLst>
              <a:ext uri="{FF2B5EF4-FFF2-40B4-BE49-F238E27FC236}">
                <a16:creationId xmlns:a16="http://schemas.microsoft.com/office/drawing/2014/main" id="{2FEF11B2-0393-49DA-88DB-858A01C6C440}"/>
              </a:ext>
            </a:extLst>
          </p:cNvPr>
          <p:cNvGrpSpPr/>
          <p:nvPr/>
        </p:nvGrpSpPr>
        <p:grpSpPr>
          <a:xfrm>
            <a:off x="4038499" y="5107511"/>
            <a:ext cx="7657316" cy="1076126"/>
            <a:chOff x="3165162" y="5065350"/>
            <a:chExt cx="7657316" cy="1076126"/>
          </a:xfrm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</p:grpSpPr>
        <p:sp>
          <p:nvSpPr>
            <p:cNvPr id="41" name="Freeform: Shape 40">
              <a:extLst>
                <a:ext uri="{FF2B5EF4-FFF2-40B4-BE49-F238E27FC236}">
                  <a16:creationId xmlns:a16="http://schemas.microsoft.com/office/drawing/2014/main" id="{8E5A2C1E-FBE3-4D0E-8918-3BCA7B1612F0}"/>
                </a:ext>
              </a:extLst>
            </p:cNvPr>
            <p:cNvSpPr/>
            <p:nvPr/>
          </p:nvSpPr>
          <p:spPr>
            <a:xfrm>
              <a:off x="5862000" y="5109703"/>
              <a:ext cx="4960478" cy="959004"/>
            </a:xfrm>
            <a:custGeom>
              <a:avLst/>
              <a:gdLst>
                <a:gd name="connsiteX0" fmla="*/ 143486 w 860901"/>
                <a:gd name="connsiteY0" fmla="*/ 0 h 4941824"/>
                <a:gd name="connsiteX1" fmla="*/ 717415 w 860901"/>
                <a:gd name="connsiteY1" fmla="*/ 0 h 4941824"/>
                <a:gd name="connsiteX2" fmla="*/ 860901 w 860901"/>
                <a:gd name="connsiteY2" fmla="*/ 143486 h 4941824"/>
                <a:gd name="connsiteX3" fmla="*/ 860901 w 860901"/>
                <a:gd name="connsiteY3" fmla="*/ 4941824 h 4941824"/>
                <a:gd name="connsiteX4" fmla="*/ 860901 w 860901"/>
                <a:gd name="connsiteY4" fmla="*/ 4941824 h 4941824"/>
                <a:gd name="connsiteX5" fmla="*/ 0 w 860901"/>
                <a:gd name="connsiteY5" fmla="*/ 4941824 h 4941824"/>
                <a:gd name="connsiteX6" fmla="*/ 0 w 860901"/>
                <a:gd name="connsiteY6" fmla="*/ 4941824 h 4941824"/>
                <a:gd name="connsiteX7" fmla="*/ 0 w 860901"/>
                <a:gd name="connsiteY7" fmla="*/ 143486 h 4941824"/>
                <a:gd name="connsiteX8" fmla="*/ 143486 w 860901"/>
                <a:gd name="connsiteY8" fmla="*/ 0 h 494182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860901" h="4941824">
                  <a:moveTo>
                    <a:pt x="860901" y="823654"/>
                  </a:moveTo>
                  <a:lnTo>
                    <a:pt x="860901" y="4118170"/>
                  </a:lnTo>
                  <a:cubicBezTo>
                    <a:pt x="860901" y="4573059"/>
                    <a:pt x="849710" y="4941821"/>
                    <a:pt x="835905" y="4941821"/>
                  </a:cubicBezTo>
                  <a:lnTo>
                    <a:pt x="0" y="4941821"/>
                  </a:lnTo>
                  <a:lnTo>
                    <a:pt x="0" y="4941821"/>
                  </a:lnTo>
                  <a:lnTo>
                    <a:pt x="0" y="3"/>
                  </a:lnTo>
                  <a:lnTo>
                    <a:pt x="0" y="3"/>
                  </a:lnTo>
                  <a:lnTo>
                    <a:pt x="835905" y="3"/>
                  </a:lnTo>
                  <a:cubicBezTo>
                    <a:pt x="849710" y="3"/>
                    <a:pt x="860901" y="368765"/>
                    <a:pt x="860901" y="823654"/>
                  </a:cubicBezTo>
                  <a:close/>
                </a:path>
              </a:pathLst>
            </a:custGeom>
            <a:solidFill>
              <a:srgbClr val="FFFFCC">
                <a:alpha val="90000"/>
              </a:srgbClr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  <a:sp3d>
              <a:bevelT w="190500" h="38100"/>
            </a:sp3d>
          </p:spPr>
          <p:style>
            <a:lnRef idx="2">
              <a:schemeClr val="accent5">
                <a:tint val="40000"/>
                <a:alpha val="90000"/>
                <a:hueOff val="-7391755"/>
                <a:satOff val="-12816"/>
                <a:lumOff val="-1289"/>
                <a:alphaOff val="0"/>
              </a:schemeClr>
            </a:lnRef>
            <a:fillRef idx="1">
              <a:schemeClr val="accent5">
                <a:tint val="40000"/>
                <a:alpha val="90000"/>
                <a:hueOff val="-7391755"/>
                <a:satOff val="-12816"/>
                <a:lumOff val="-1289"/>
                <a:alphaOff val="0"/>
              </a:schemeClr>
            </a:fillRef>
            <a:effectRef idx="0">
              <a:schemeClr val="accent5">
                <a:tint val="40000"/>
                <a:alpha val="90000"/>
                <a:hueOff val="-7391755"/>
                <a:satOff val="-12816"/>
                <a:lumOff val="-1289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247651" tIns="165851" rIns="289676" bIns="165852" numCol="1" spcCol="1270" anchor="ctr" anchorCtr="0">
              <a:noAutofit/>
            </a:bodyPr>
            <a:lstStyle/>
            <a:p>
              <a:pPr lvl="1" algn="l" defTabSz="889000" rtl="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</a:pPr>
              <a:r>
                <a:rPr lang="id-ID" sz="2000" kern="1200" dirty="0"/>
                <a:t>Researchgate, Youtube, Slideshare, Mendeley, dst.</a:t>
              </a:r>
            </a:p>
          </p:txBody>
        </p:sp>
        <p:sp>
          <p:nvSpPr>
            <p:cNvPr id="42" name="Freeform: Shape 41">
              <a:extLst>
                <a:ext uri="{FF2B5EF4-FFF2-40B4-BE49-F238E27FC236}">
                  <a16:creationId xmlns:a16="http://schemas.microsoft.com/office/drawing/2014/main" id="{9780552C-EC52-4B34-960B-9D8EBA8BFCA0}"/>
                </a:ext>
              </a:extLst>
            </p:cNvPr>
            <p:cNvSpPr/>
            <p:nvPr/>
          </p:nvSpPr>
          <p:spPr>
            <a:xfrm>
              <a:off x="3165162" y="5065350"/>
              <a:ext cx="2779776" cy="1076126"/>
            </a:xfrm>
            <a:custGeom>
              <a:avLst/>
              <a:gdLst>
                <a:gd name="connsiteX0" fmla="*/ 0 w 2779776"/>
                <a:gd name="connsiteY0" fmla="*/ 179358 h 1076126"/>
                <a:gd name="connsiteX1" fmla="*/ 179358 w 2779776"/>
                <a:gd name="connsiteY1" fmla="*/ 0 h 1076126"/>
                <a:gd name="connsiteX2" fmla="*/ 2600418 w 2779776"/>
                <a:gd name="connsiteY2" fmla="*/ 0 h 1076126"/>
                <a:gd name="connsiteX3" fmla="*/ 2779776 w 2779776"/>
                <a:gd name="connsiteY3" fmla="*/ 179358 h 1076126"/>
                <a:gd name="connsiteX4" fmla="*/ 2779776 w 2779776"/>
                <a:gd name="connsiteY4" fmla="*/ 896768 h 1076126"/>
                <a:gd name="connsiteX5" fmla="*/ 2600418 w 2779776"/>
                <a:gd name="connsiteY5" fmla="*/ 1076126 h 1076126"/>
                <a:gd name="connsiteX6" fmla="*/ 179358 w 2779776"/>
                <a:gd name="connsiteY6" fmla="*/ 1076126 h 1076126"/>
                <a:gd name="connsiteX7" fmla="*/ 0 w 2779776"/>
                <a:gd name="connsiteY7" fmla="*/ 896768 h 1076126"/>
                <a:gd name="connsiteX8" fmla="*/ 0 w 2779776"/>
                <a:gd name="connsiteY8" fmla="*/ 179358 h 107612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779776" h="1076126">
                  <a:moveTo>
                    <a:pt x="0" y="179358"/>
                  </a:moveTo>
                  <a:cubicBezTo>
                    <a:pt x="0" y="80301"/>
                    <a:pt x="80301" y="0"/>
                    <a:pt x="179358" y="0"/>
                  </a:cubicBezTo>
                  <a:lnTo>
                    <a:pt x="2600418" y="0"/>
                  </a:lnTo>
                  <a:cubicBezTo>
                    <a:pt x="2699475" y="0"/>
                    <a:pt x="2779776" y="80301"/>
                    <a:pt x="2779776" y="179358"/>
                  </a:cubicBezTo>
                  <a:lnTo>
                    <a:pt x="2779776" y="896768"/>
                  </a:lnTo>
                  <a:cubicBezTo>
                    <a:pt x="2779776" y="995825"/>
                    <a:pt x="2699475" y="1076126"/>
                    <a:pt x="2600418" y="1076126"/>
                  </a:cubicBezTo>
                  <a:lnTo>
                    <a:pt x="179358" y="1076126"/>
                  </a:lnTo>
                  <a:cubicBezTo>
                    <a:pt x="80301" y="1076126"/>
                    <a:pt x="0" y="995825"/>
                    <a:pt x="0" y="896768"/>
                  </a:cubicBezTo>
                  <a:lnTo>
                    <a:pt x="0" y="179358"/>
                  </a:lnTo>
                  <a:close/>
                </a:path>
              </a:pathLst>
            </a:custGeom>
            <a:ln/>
          </p:spPr>
          <p:style>
            <a:lnRef idx="1">
              <a:schemeClr val="accent1"/>
            </a:lnRef>
            <a:fillRef idx="2">
              <a:schemeClr val="accent1"/>
            </a:fillRef>
            <a:effectRef idx="1">
              <a:schemeClr val="accent1"/>
            </a:effectRef>
            <a:fontRef idx="minor">
              <a:schemeClr val="dk1"/>
            </a:fontRef>
          </p:style>
          <p:txBody>
            <a:bodyPr spcFirstLastPara="0" vert="horz" wrap="square" lIns="128732" tIns="90632" rIns="128732" bIns="90632" numCol="1" spcCol="1270" anchor="ctr" anchorCtr="0">
              <a:noAutofit/>
            </a:bodyPr>
            <a:lstStyle/>
            <a:p>
              <a:pPr marL="0" lvl="0" indent="0" algn="ctr" defTabSz="889000" rtl="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000" kern="1200" dirty="0"/>
                <a:t>Media Sosial</a:t>
              </a:r>
            </a:p>
          </p:txBody>
        </p:sp>
      </p:grpSp>
      <p:sp>
        <p:nvSpPr>
          <p:cNvPr id="2" name="Rectangle 1">
            <a:extLst>
              <a:ext uri="{FF2B5EF4-FFF2-40B4-BE49-F238E27FC236}">
                <a16:creationId xmlns:a16="http://schemas.microsoft.com/office/drawing/2014/main" id="{2E164C80-30DD-40C1-AC7A-EB19DDA17662}"/>
              </a:ext>
            </a:extLst>
          </p:cNvPr>
          <p:cNvSpPr/>
          <p:nvPr/>
        </p:nvSpPr>
        <p:spPr>
          <a:xfrm>
            <a:off x="727061" y="437214"/>
            <a:ext cx="6981398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id-ID" sz="3600" b="1" dirty="0">
                <a:latin typeface="Arial" panose="020B0604020202020204" pitchFamily="34" charset="0"/>
                <a:cs typeface="Arial" panose="020B0604020202020204" pitchFamily="34" charset="0"/>
              </a:rPr>
              <a:t>BONUS: Sumber Belajar Gratis</a:t>
            </a:r>
            <a:endParaRPr lang="id-ID" sz="3600" b="1" dirty="0"/>
          </a:p>
        </p:txBody>
      </p:sp>
      <p:grpSp>
        <p:nvGrpSpPr>
          <p:cNvPr id="47" name="Group 46">
            <a:extLst>
              <a:ext uri="{FF2B5EF4-FFF2-40B4-BE49-F238E27FC236}">
                <a16:creationId xmlns:a16="http://schemas.microsoft.com/office/drawing/2014/main" id="{20DE2339-C16C-4022-B754-119919864684}"/>
              </a:ext>
            </a:extLst>
          </p:cNvPr>
          <p:cNvGrpSpPr/>
          <p:nvPr/>
        </p:nvGrpSpPr>
        <p:grpSpPr>
          <a:xfrm>
            <a:off x="0" y="-36431"/>
            <a:ext cx="12200792" cy="6894431"/>
            <a:chOff x="-8792" y="-27055"/>
            <a:chExt cx="12200792" cy="6894431"/>
          </a:xfrm>
        </p:grpSpPr>
        <p:sp>
          <p:nvSpPr>
            <p:cNvPr id="48" name="Rectangle 47">
              <a:extLst>
                <a:ext uri="{FF2B5EF4-FFF2-40B4-BE49-F238E27FC236}">
                  <a16:creationId xmlns:a16="http://schemas.microsoft.com/office/drawing/2014/main" id="{80CED18E-F07A-4CD3-A6F8-C486BD3F9EDD}"/>
                </a:ext>
              </a:extLst>
            </p:cNvPr>
            <p:cNvSpPr/>
            <p:nvPr/>
          </p:nvSpPr>
          <p:spPr>
            <a:xfrm>
              <a:off x="-2166" y="-2408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9" name="Rectangle 48">
              <a:extLst>
                <a:ext uri="{FF2B5EF4-FFF2-40B4-BE49-F238E27FC236}">
                  <a16:creationId xmlns:a16="http://schemas.microsoft.com/office/drawing/2014/main" id="{CD113AEC-5A62-4E22-9404-31F6AF0BBB0A}"/>
                </a:ext>
              </a:extLst>
            </p:cNvPr>
            <p:cNvSpPr/>
            <p:nvPr/>
          </p:nvSpPr>
          <p:spPr>
            <a:xfrm>
              <a:off x="11846497" y="-2409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0" name="Rectangle 49">
              <a:extLst>
                <a:ext uri="{FF2B5EF4-FFF2-40B4-BE49-F238E27FC236}">
                  <a16:creationId xmlns:a16="http://schemas.microsoft.com/office/drawing/2014/main" id="{91222031-34E5-4287-9055-FF37339DA23E}"/>
                </a:ext>
              </a:extLst>
            </p:cNvPr>
            <p:cNvSpPr/>
            <p:nvPr/>
          </p:nvSpPr>
          <p:spPr>
            <a:xfrm>
              <a:off x="-2166" y="-2408"/>
              <a:ext cx="12194165" cy="203200"/>
            </a:xfrm>
            <a:prstGeom prst="rect">
              <a:avLst/>
            </a:prstGeom>
            <a:solidFill>
              <a:srgbClr val="0070C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51" name="Group 50">
              <a:extLst>
                <a:ext uri="{FF2B5EF4-FFF2-40B4-BE49-F238E27FC236}">
                  <a16:creationId xmlns:a16="http://schemas.microsoft.com/office/drawing/2014/main" id="{18228EED-5854-4B34-A279-0BF551150290}"/>
                </a:ext>
              </a:extLst>
            </p:cNvPr>
            <p:cNvGrpSpPr/>
            <p:nvPr/>
          </p:nvGrpSpPr>
          <p:grpSpPr>
            <a:xfrm>
              <a:off x="-8792" y="6376639"/>
              <a:ext cx="12200792" cy="490737"/>
              <a:chOff x="-6625" y="6379047"/>
              <a:chExt cx="12198626" cy="490737"/>
            </a:xfrm>
          </p:grpSpPr>
          <p:sp>
            <p:nvSpPr>
              <p:cNvPr id="57" name="Rectangle 56">
                <a:extLst>
                  <a:ext uri="{FF2B5EF4-FFF2-40B4-BE49-F238E27FC236}">
                    <a16:creationId xmlns:a16="http://schemas.microsoft.com/office/drawing/2014/main" id="{A69FF5C6-45D6-4198-9C30-7820D55FD67F}"/>
                  </a:ext>
                </a:extLst>
              </p:cNvPr>
              <p:cNvSpPr/>
              <p:nvPr/>
            </p:nvSpPr>
            <p:spPr>
              <a:xfrm>
                <a:off x="4624755" y="6612255"/>
                <a:ext cx="1063869" cy="245521"/>
              </a:xfrm>
              <a:prstGeom prst="rect">
                <a:avLst/>
              </a:prstGeom>
              <a:solidFill>
                <a:srgbClr val="FFA424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58" name="Rectangle 40">
                <a:extLst>
                  <a:ext uri="{FF2B5EF4-FFF2-40B4-BE49-F238E27FC236}">
                    <a16:creationId xmlns:a16="http://schemas.microsoft.com/office/drawing/2014/main" id="{3FDA868D-A2ED-451B-9F01-11BCF78854C2}"/>
                  </a:ext>
                </a:extLst>
              </p:cNvPr>
              <p:cNvSpPr/>
              <p:nvPr/>
            </p:nvSpPr>
            <p:spPr>
              <a:xfrm>
                <a:off x="5065381" y="6622909"/>
                <a:ext cx="7126620" cy="246875"/>
              </a:xfrm>
              <a:custGeom>
                <a:avLst/>
                <a:gdLst>
                  <a:gd name="connsiteX0" fmla="*/ 0 w 7048500"/>
                  <a:gd name="connsiteY0" fmla="*/ 0 h 219807"/>
                  <a:gd name="connsiteX1" fmla="*/ 7048500 w 7048500"/>
                  <a:gd name="connsiteY1" fmla="*/ 0 h 219807"/>
                  <a:gd name="connsiteX2" fmla="*/ 7048500 w 7048500"/>
                  <a:gd name="connsiteY2" fmla="*/ 219807 h 219807"/>
                  <a:gd name="connsiteX3" fmla="*/ 0 w 7048500"/>
                  <a:gd name="connsiteY3" fmla="*/ 219807 h 219807"/>
                  <a:gd name="connsiteX4" fmla="*/ 0 w 7048500"/>
                  <a:gd name="connsiteY4" fmla="*/ 0 h 219807"/>
                  <a:gd name="connsiteX0" fmla="*/ 334107 w 7382607"/>
                  <a:gd name="connsiteY0" fmla="*/ 0 h 219807"/>
                  <a:gd name="connsiteX1" fmla="*/ 7382607 w 7382607"/>
                  <a:gd name="connsiteY1" fmla="*/ 0 h 219807"/>
                  <a:gd name="connsiteX2" fmla="*/ 7382607 w 7382607"/>
                  <a:gd name="connsiteY2" fmla="*/ 219807 h 219807"/>
                  <a:gd name="connsiteX3" fmla="*/ 0 w 7382607"/>
                  <a:gd name="connsiteY3" fmla="*/ 219807 h 219807"/>
                  <a:gd name="connsiteX4" fmla="*/ 334107 w 7382607"/>
                  <a:gd name="connsiteY4" fmla="*/ 0 h 21980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382607" h="219807">
                    <a:moveTo>
                      <a:pt x="334107" y="0"/>
                    </a:moveTo>
                    <a:lnTo>
                      <a:pt x="7382607" y="0"/>
                    </a:lnTo>
                    <a:lnTo>
                      <a:pt x="7382607" y="219807"/>
                    </a:lnTo>
                    <a:lnTo>
                      <a:pt x="0" y="219807"/>
                    </a:lnTo>
                    <a:lnTo>
                      <a:pt x="334107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59" name="Freeform 15">
                <a:extLst>
                  <a:ext uri="{FF2B5EF4-FFF2-40B4-BE49-F238E27FC236}">
                    <a16:creationId xmlns:a16="http://schemas.microsoft.com/office/drawing/2014/main" id="{EF5673CB-D410-48AA-8D8F-41CD1C54923F}"/>
                  </a:ext>
                </a:extLst>
              </p:cNvPr>
              <p:cNvSpPr/>
              <p:nvPr/>
            </p:nvSpPr>
            <p:spPr>
              <a:xfrm>
                <a:off x="785938" y="6411997"/>
                <a:ext cx="14304" cy="4763"/>
              </a:xfrm>
              <a:custGeom>
                <a:avLst/>
                <a:gdLst>
                  <a:gd name="connsiteX0" fmla="*/ 14304 w 14304"/>
                  <a:gd name="connsiteY0" fmla="*/ 0 h 4763"/>
                  <a:gd name="connsiteX1" fmla="*/ 5971 w 14304"/>
                  <a:gd name="connsiteY1" fmla="*/ 4763 h 4763"/>
                  <a:gd name="connsiteX2" fmla="*/ 0 w 14304"/>
                  <a:gd name="connsiteY2" fmla="*/ 4763 h 4763"/>
                  <a:gd name="connsiteX3" fmla="*/ 14304 w 14304"/>
                  <a:gd name="connsiteY3" fmla="*/ 0 h 4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04" h="4763">
                    <a:moveTo>
                      <a:pt x="14304" y="0"/>
                    </a:moveTo>
                    <a:lnTo>
                      <a:pt x="5971" y="4763"/>
                    </a:lnTo>
                    <a:lnTo>
                      <a:pt x="0" y="4763"/>
                    </a:lnTo>
                    <a:lnTo>
                      <a:pt x="14304" y="0"/>
                    </a:lnTo>
                    <a:close/>
                  </a:path>
                </a:pathLst>
              </a:custGeom>
              <a:solidFill>
                <a:srgbClr val="F7A11A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60" name="Rectangle 5">
                <a:extLst>
                  <a:ext uri="{FF2B5EF4-FFF2-40B4-BE49-F238E27FC236}">
                    <a16:creationId xmlns:a16="http://schemas.microsoft.com/office/drawing/2014/main" id="{34E5A485-7ACE-4936-A47E-F67A8BCDC022}"/>
                  </a:ext>
                </a:extLst>
              </p:cNvPr>
              <p:cNvSpPr/>
              <p:nvPr/>
            </p:nvSpPr>
            <p:spPr>
              <a:xfrm>
                <a:off x="1" y="6412644"/>
                <a:ext cx="5104894" cy="447764"/>
              </a:xfrm>
              <a:custGeom>
                <a:avLst/>
                <a:gdLst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4553528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5024582" h="397164">
                    <a:moveTo>
                      <a:pt x="0" y="0"/>
                    </a:moveTo>
                    <a:lnTo>
                      <a:pt x="4553528" y="0"/>
                    </a:lnTo>
                    <a:lnTo>
                      <a:pt x="5024582" y="397164"/>
                    </a:lnTo>
                    <a:lnTo>
                      <a:pt x="0" y="397164"/>
                    </a:lnTo>
                    <a:lnTo>
                      <a:pt x="0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61" name="Freeform 17">
                <a:extLst>
                  <a:ext uri="{FF2B5EF4-FFF2-40B4-BE49-F238E27FC236}">
                    <a16:creationId xmlns:a16="http://schemas.microsoft.com/office/drawing/2014/main" id="{84B2EB69-6B61-404D-B166-D6E6651AE41C}"/>
                  </a:ext>
                </a:extLst>
              </p:cNvPr>
              <p:cNvSpPr/>
              <p:nvPr/>
            </p:nvSpPr>
            <p:spPr>
              <a:xfrm>
                <a:off x="0" y="6410640"/>
                <a:ext cx="2950459" cy="447360"/>
              </a:xfrm>
              <a:custGeom>
                <a:avLst/>
                <a:gdLst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794327 w 2953014"/>
                  <a:gd name="connsiteY3" fmla="*/ 9146 h 424783"/>
                  <a:gd name="connsiteX4" fmla="*/ 2953014 w 2953014"/>
                  <a:gd name="connsiteY4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49088 w 2953014"/>
                  <a:gd name="connsiteY3" fmla="*/ 340149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 w 2953014"/>
                  <a:gd name="connsiteY3" fmla="*/ 300393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48098 w 2948098"/>
                  <a:gd name="connsiteY0" fmla="*/ 0 h 419962"/>
                  <a:gd name="connsiteX1" fmla="*/ 2140545 w 2948098"/>
                  <a:gd name="connsiteY1" fmla="*/ 419962 h 419962"/>
                  <a:gd name="connsiteX2" fmla="*/ 0 w 2948098"/>
                  <a:gd name="connsiteY2" fmla="*/ 419962 h 419962"/>
                  <a:gd name="connsiteX3" fmla="*/ 1 w 2948098"/>
                  <a:gd name="connsiteY3" fmla="*/ 295572 h 419962"/>
                  <a:gd name="connsiteX4" fmla="*/ 794327 w 2948098"/>
                  <a:gd name="connsiteY4" fmla="*/ 4325 h 419962"/>
                  <a:gd name="connsiteX5" fmla="*/ 2948098 w 2948098"/>
                  <a:gd name="connsiteY5" fmla="*/ 0 h 419962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33656 w 2948098"/>
                  <a:gd name="connsiteY4" fmla="*/ 0 h 420458"/>
                  <a:gd name="connsiteX5" fmla="*/ 2948098 w 2948098"/>
                  <a:gd name="connsiteY5" fmla="*/ 496 h 420458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13992 w 2948098"/>
                  <a:gd name="connsiteY4" fmla="*/ 0 h 420458"/>
                  <a:gd name="connsiteX5" fmla="*/ 2948098 w 2948098"/>
                  <a:gd name="connsiteY5" fmla="*/ 496 h 420458"/>
                  <a:gd name="connsiteX0" fmla="*/ 2945543 w 2945543"/>
                  <a:gd name="connsiteY0" fmla="*/ 0 h 422445"/>
                  <a:gd name="connsiteX1" fmla="*/ 2140545 w 2945543"/>
                  <a:gd name="connsiteY1" fmla="*/ 422445 h 422445"/>
                  <a:gd name="connsiteX2" fmla="*/ 0 w 2945543"/>
                  <a:gd name="connsiteY2" fmla="*/ 422445 h 422445"/>
                  <a:gd name="connsiteX3" fmla="*/ 1 w 2945543"/>
                  <a:gd name="connsiteY3" fmla="*/ 298055 h 422445"/>
                  <a:gd name="connsiteX4" fmla="*/ 813992 w 2945543"/>
                  <a:gd name="connsiteY4" fmla="*/ 1987 h 422445"/>
                  <a:gd name="connsiteX5" fmla="*/ 2945543 w 2945543"/>
                  <a:gd name="connsiteY5" fmla="*/ 0 h 42244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</a:cxnLst>
                <a:rect l="l" t="t" r="r" b="b"/>
                <a:pathLst>
                  <a:path w="2945543" h="422445">
                    <a:moveTo>
                      <a:pt x="2945543" y="0"/>
                    </a:moveTo>
                    <a:lnTo>
                      <a:pt x="2140545" y="422445"/>
                    </a:lnTo>
                    <a:lnTo>
                      <a:pt x="0" y="422445"/>
                    </a:lnTo>
                    <a:cubicBezTo>
                      <a:pt x="0" y="380982"/>
                      <a:pt x="1" y="339518"/>
                      <a:pt x="1" y="298055"/>
                    </a:cubicBezTo>
                    <a:lnTo>
                      <a:pt x="813992" y="1987"/>
                    </a:lnTo>
                    <a:lnTo>
                      <a:pt x="2945543" y="0"/>
                    </a:lnTo>
                    <a:close/>
                  </a:path>
                </a:pathLst>
              </a:custGeom>
              <a:solidFill>
                <a:srgbClr val="C00000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62" name="Rectangle 39">
                <a:extLst>
                  <a:ext uri="{FF2B5EF4-FFF2-40B4-BE49-F238E27FC236}">
                    <a16:creationId xmlns:a16="http://schemas.microsoft.com/office/drawing/2014/main" id="{1B238F81-4D9C-42EF-99B4-E4A2E7B9EA1F}"/>
                  </a:ext>
                </a:extLst>
              </p:cNvPr>
              <p:cNvSpPr/>
              <p:nvPr/>
            </p:nvSpPr>
            <p:spPr>
              <a:xfrm>
                <a:off x="-6625" y="6412230"/>
                <a:ext cx="2143539" cy="445770"/>
              </a:xfrm>
              <a:custGeom>
                <a:avLst/>
                <a:gdLst>
                  <a:gd name="connsiteX0" fmla="*/ 0 w 563217"/>
                  <a:gd name="connsiteY0" fmla="*/ 0 h 407504"/>
                  <a:gd name="connsiteX1" fmla="*/ 563217 w 563217"/>
                  <a:gd name="connsiteY1" fmla="*/ 0 h 407504"/>
                  <a:gd name="connsiteX2" fmla="*/ 563217 w 563217"/>
                  <a:gd name="connsiteY2" fmla="*/ 407504 h 407504"/>
                  <a:gd name="connsiteX3" fmla="*/ 0 w 563217"/>
                  <a:gd name="connsiteY3" fmla="*/ 407504 h 407504"/>
                  <a:gd name="connsiteX4" fmla="*/ 0 w 563217"/>
                  <a:gd name="connsiteY4" fmla="*/ 0 h 407504"/>
                  <a:gd name="connsiteX0" fmla="*/ 0 w 563217"/>
                  <a:gd name="connsiteY0" fmla="*/ 0 h 407504"/>
                  <a:gd name="connsiteX1" fmla="*/ 563217 w 563217"/>
                  <a:gd name="connsiteY1" fmla="*/ 407504 h 407504"/>
                  <a:gd name="connsiteX2" fmla="*/ 0 w 563217"/>
                  <a:gd name="connsiteY2" fmla="*/ 407504 h 407504"/>
                  <a:gd name="connsiteX3" fmla="*/ 0 w 563217"/>
                  <a:gd name="connsiteY3" fmla="*/ 0 h 407504"/>
                  <a:gd name="connsiteX0" fmla="*/ 0 w 1328530"/>
                  <a:gd name="connsiteY0" fmla="*/ 0 h 414130"/>
                  <a:gd name="connsiteX1" fmla="*/ 1328530 w 1328530"/>
                  <a:gd name="connsiteY1" fmla="*/ 414130 h 414130"/>
                  <a:gd name="connsiteX2" fmla="*/ 0 w 1328530"/>
                  <a:gd name="connsiteY2" fmla="*/ 407504 h 414130"/>
                  <a:gd name="connsiteX3" fmla="*/ 0 w 1328530"/>
                  <a:gd name="connsiteY3" fmla="*/ 0 h 414130"/>
                  <a:gd name="connsiteX0" fmla="*/ 0 w 1328530"/>
                  <a:gd name="connsiteY0" fmla="*/ 0 h 417443"/>
                  <a:gd name="connsiteX1" fmla="*/ 1328530 w 1328530"/>
                  <a:gd name="connsiteY1" fmla="*/ 417443 h 417443"/>
                  <a:gd name="connsiteX2" fmla="*/ 0 w 1328530"/>
                  <a:gd name="connsiteY2" fmla="*/ 407504 h 417443"/>
                  <a:gd name="connsiteX3" fmla="*/ 0 w 1328530"/>
                  <a:gd name="connsiteY3" fmla="*/ 0 h 417443"/>
                  <a:gd name="connsiteX0" fmla="*/ 808383 w 2136913"/>
                  <a:gd name="connsiteY0" fmla="*/ 0 h 427383"/>
                  <a:gd name="connsiteX1" fmla="*/ 2136913 w 2136913"/>
                  <a:gd name="connsiteY1" fmla="*/ 417443 h 427383"/>
                  <a:gd name="connsiteX2" fmla="*/ 0 w 2136913"/>
                  <a:gd name="connsiteY2" fmla="*/ 427383 h 427383"/>
                  <a:gd name="connsiteX3" fmla="*/ 808383 w 2136913"/>
                  <a:gd name="connsiteY3" fmla="*/ 0 h 427383"/>
                  <a:gd name="connsiteX0" fmla="*/ 808383 w 2143539"/>
                  <a:gd name="connsiteY0" fmla="*/ 0 h 427383"/>
                  <a:gd name="connsiteX1" fmla="*/ 2143539 w 2143539"/>
                  <a:gd name="connsiteY1" fmla="*/ 424069 h 427383"/>
                  <a:gd name="connsiteX2" fmla="*/ 0 w 2143539"/>
                  <a:gd name="connsiteY2" fmla="*/ 427383 h 427383"/>
                  <a:gd name="connsiteX3" fmla="*/ 808383 w 2143539"/>
                  <a:gd name="connsiteY3" fmla="*/ 0 h 427383"/>
                  <a:gd name="connsiteX0" fmla="*/ 808383 w 2143539"/>
                  <a:gd name="connsiteY0" fmla="*/ 0 h 427383"/>
                  <a:gd name="connsiteX1" fmla="*/ 1116496 w 2143539"/>
                  <a:gd name="connsiteY1" fmla="*/ 92765 h 427383"/>
                  <a:gd name="connsiteX2" fmla="*/ 2143539 w 2143539"/>
                  <a:gd name="connsiteY2" fmla="*/ 424069 h 427383"/>
                  <a:gd name="connsiteX3" fmla="*/ 0 w 2143539"/>
                  <a:gd name="connsiteY3" fmla="*/ 427383 h 427383"/>
                  <a:gd name="connsiteX4" fmla="*/ 808383 w 2143539"/>
                  <a:gd name="connsiteY4" fmla="*/ 0 h 427383"/>
                  <a:gd name="connsiteX0" fmla="*/ 808383 w 2143539"/>
                  <a:gd name="connsiteY0" fmla="*/ 6626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08383 w 2143539"/>
                  <a:gd name="connsiteY4" fmla="*/ 6626 h 434009"/>
                  <a:gd name="connsiteX0" fmla="*/ 831574 w 2143539"/>
                  <a:gd name="connsiteY0" fmla="*/ 0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31574 w 2143539"/>
                  <a:gd name="connsiteY4" fmla="*/ 0 h 434009"/>
                  <a:gd name="connsiteX0" fmla="*/ 841513 w 2143539"/>
                  <a:gd name="connsiteY0" fmla="*/ 3313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41513 w 2143539"/>
                  <a:gd name="connsiteY4" fmla="*/ 3313 h 43400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143539" h="434009">
                    <a:moveTo>
                      <a:pt x="841513" y="3313"/>
                    </a:moveTo>
                    <a:lnTo>
                      <a:pt x="1143001" y="0"/>
                    </a:lnTo>
                    <a:lnTo>
                      <a:pt x="2143539" y="430695"/>
                    </a:lnTo>
                    <a:lnTo>
                      <a:pt x="0" y="434009"/>
                    </a:lnTo>
                    <a:lnTo>
                      <a:pt x="841513" y="3313"/>
                    </a:lnTo>
                    <a:close/>
                  </a:path>
                </a:pathLst>
              </a:custGeom>
              <a:solidFill>
                <a:srgbClr val="F66616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63" name="Picture 62">
                <a:extLst>
                  <a:ext uri="{FF2B5EF4-FFF2-40B4-BE49-F238E27FC236}">
                    <a16:creationId xmlns:a16="http://schemas.microsoft.com/office/drawing/2014/main" id="{A2BE30C3-EB93-4D30-80BF-2BF38F2003C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314057" y="6455075"/>
                <a:ext cx="356122" cy="358491"/>
              </a:xfrm>
              <a:prstGeom prst="rect">
                <a:avLst/>
              </a:prstGeom>
            </p:spPr>
          </p:pic>
          <p:pic>
            <p:nvPicPr>
              <p:cNvPr id="64" name="Picture 63">
                <a:extLst>
                  <a:ext uri="{FF2B5EF4-FFF2-40B4-BE49-F238E27FC236}">
                    <a16:creationId xmlns:a16="http://schemas.microsoft.com/office/drawing/2014/main" id="{17C7D05E-371A-4B32-A018-64E140AEC3B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740541" y="6454925"/>
                <a:ext cx="358790" cy="358790"/>
              </a:xfrm>
              <a:prstGeom prst="rect">
                <a:avLst/>
              </a:prstGeom>
            </p:spPr>
          </p:pic>
          <p:pic>
            <p:nvPicPr>
              <p:cNvPr id="65" name="Picture 64">
                <a:extLst>
                  <a:ext uri="{FF2B5EF4-FFF2-40B4-BE49-F238E27FC236}">
                    <a16:creationId xmlns:a16="http://schemas.microsoft.com/office/drawing/2014/main" id="{CA83673E-BB29-47C0-9DE8-593103EC6BB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841310" y="6442676"/>
                <a:ext cx="383288" cy="383288"/>
              </a:xfrm>
              <a:prstGeom prst="rect">
                <a:avLst/>
              </a:prstGeom>
            </p:spPr>
          </p:pic>
          <p:sp>
            <p:nvSpPr>
              <p:cNvPr id="66" name="TextBox 65">
                <a:extLst>
                  <a:ext uri="{FF2B5EF4-FFF2-40B4-BE49-F238E27FC236}">
                    <a16:creationId xmlns:a16="http://schemas.microsoft.com/office/drawing/2014/main" id="{D86A538C-2A5C-4C4E-890A-F214F25741AC}"/>
                  </a:ext>
                </a:extLst>
              </p:cNvPr>
              <p:cNvSpPr txBox="1"/>
              <p:nvPr/>
            </p:nvSpPr>
            <p:spPr>
              <a:xfrm>
                <a:off x="2103154" y="6379047"/>
                <a:ext cx="272273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id-ID" sz="2400" dirty="0">
                    <a:solidFill>
                      <a:schemeClr val="bg1"/>
                    </a:solidFill>
                    <a:latin typeface="Bahnschrift SemiBold Condensed" panose="020B0502040204020203" pitchFamily="34" charset="0"/>
                    <a:ea typeface="Arial Unicode MS" panose="020B0604020202020204" pitchFamily="34" charset="-128"/>
                    <a:cs typeface="Arial Unicode MS" panose="020B0604020202020204" pitchFamily="34" charset="-128"/>
                  </a:rPr>
                  <a:t>Hamdan Husein Batubara</a:t>
                </a:r>
                <a:endParaRPr lang="en-US" sz="2400" dirty="0">
                  <a:solidFill>
                    <a:schemeClr val="bg1"/>
                  </a:solidFill>
                  <a:latin typeface="Bahnschrift SemiBold Condensed" panose="020B0502040204020203" pitchFamily="34" charset="0"/>
                  <a:ea typeface="Arial Unicode MS" panose="020B0604020202020204" pitchFamily="34" charset="-128"/>
                  <a:cs typeface="Arial Unicode MS" panose="020B0604020202020204" pitchFamily="34" charset="-128"/>
                </a:endParaRPr>
              </a:p>
            </p:txBody>
          </p:sp>
        </p:grpSp>
        <p:sp>
          <p:nvSpPr>
            <p:cNvPr id="52" name="Rectangle 1">
              <a:extLst>
                <a:ext uri="{FF2B5EF4-FFF2-40B4-BE49-F238E27FC236}">
                  <a16:creationId xmlns:a16="http://schemas.microsoft.com/office/drawing/2014/main" id="{81031F1A-A89C-4303-97B3-34CD564CA969}"/>
                </a:ext>
              </a:extLst>
            </p:cNvPr>
            <p:cNvSpPr/>
            <p:nvPr/>
          </p:nvSpPr>
          <p:spPr>
            <a:xfrm>
              <a:off x="11527104" y="6351096"/>
              <a:ext cx="664895" cy="50449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3" name="Rectangle 1">
              <a:extLst>
                <a:ext uri="{FF2B5EF4-FFF2-40B4-BE49-F238E27FC236}">
                  <a16:creationId xmlns:a16="http://schemas.microsoft.com/office/drawing/2014/main" id="{9F78243E-970C-4D18-894B-5EE42DF037A4}"/>
                </a:ext>
              </a:extLst>
            </p:cNvPr>
            <p:cNvSpPr/>
            <p:nvPr/>
          </p:nvSpPr>
          <p:spPr>
            <a:xfrm rot="16200000">
              <a:off x="11607318" y="77688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4" name="Rectangle 1">
              <a:extLst>
                <a:ext uri="{FF2B5EF4-FFF2-40B4-BE49-F238E27FC236}">
                  <a16:creationId xmlns:a16="http://schemas.microsoft.com/office/drawing/2014/main" id="{A7EA4A95-A822-4F78-8B99-B8FCF7F560C3}"/>
                </a:ext>
              </a:extLst>
            </p:cNvPr>
            <p:cNvSpPr/>
            <p:nvPr/>
          </p:nvSpPr>
          <p:spPr>
            <a:xfrm rot="5400000" flipH="1">
              <a:off x="-82262" y="77687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55" name="Rectangle 30">
              <a:extLst>
                <a:ext uri="{FF2B5EF4-FFF2-40B4-BE49-F238E27FC236}">
                  <a16:creationId xmlns:a16="http://schemas.microsoft.com/office/drawing/2014/main" id="{3E12FFA9-73CC-47C5-B155-7BC51C76EF81}"/>
                </a:ext>
              </a:extLst>
            </p:cNvPr>
            <p:cNvSpPr/>
            <p:nvPr/>
          </p:nvSpPr>
          <p:spPr>
            <a:xfrm>
              <a:off x="3230764" y="-56"/>
              <a:ext cx="5721173" cy="346895"/>
            </a:xfrm>
            <a:custGeom>
              <a:avLst/>
              <a:gdLst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5044966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55465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14133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745320 w 5044966"/>
                <a:gd name="connsiteY2" fmla="*/ 340628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553550 w 5044966"/>
                <a:gd name="connsiteY2" fmla="*/ 284882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669621 w 5044966"/>
                <a:gd name="connsiteY2" fmla="*/ 351776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130758"/>
                <a:gd name="connsiteY0" fmla="*/ 5574 h 358769"/>
                <a:gd name="connsiteX1" fmla="*/ 5130758 w 5130758"/>
                <a:gd name="connsiteY1" fmla="*/ 0 h 358769"/>
                <a:gd name="connsiteX2" fmla="*/ 4669621 w 5130758"/>
                <a:gd name="connsiteY2" fmla="*/ 357350 h 358769"/>
                <a:gd name="connsiteX3" fmla="*/ 314133 w 5130758"/>
                <a:gd name="connsiteY3" fmla="*/ 358769 h 358769"/>
                <a:gd name="connsiteX4" fmla="*/ 0 w 5130758"/>
                <a:gd name="connsiteY4" fmla="*/ 5574 h 358769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465532 w 5130758"/>
                <a:gd name="connsiteY3" fmla="*/ 342045 h 357350"/>
                <a:gd name="connsiteX4" fmla="*/ 0 w 5130758"/>
                <a:gd name="connsiteY4" fmla="*/ 5574 h 357350"/>
                <a:gd name="connsiteX0" fmla="*/ 0 w 5130758"/>
                <a:gd name="connsiteY0" fmla="*/ 5574 h 364343"/>
                <a:gd name="connsiteX1" fmla="*/ 5130758 w 5130758"/>
                <a:gd name="connsiteY1" fmla="*/ 0 h 364343"/>
                <a:gd name="connsiteX2" fmla="*/ 4669621 w 5130758"/>
                <a:gd name="connsiteY2" fmla="*/ 357350 h 364343"/>
                <a:gd name="connsiteX3" fmla="*/ 314134 w 5130758"/>
                <a:gd name="connsiteY3" fmla="*/ 364343 h 364343"/>
                <a:gd name="connsiteX4" fmla="*/ 0 w 5130758"/>
                <a:gd name="connsiteY4" fmla="*/ 5574 h 364343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59554 w 5130758"/>
                <a:gd name="connsiteY3" fmla="*/ 286298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34321 w 5130758"/>
                <a:gd name="connsiteY3" fmla="*/ 336470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29274 w 5130758"/>
                <a:gd name="connsiteY3" fmla="*/ 353194 h 357350"/>
                <a:gd name="connsiteX4" fmla="*/ 0 w 5130758"/>
                <a:gd name="connsiteY4" fmla="*/ 5574 h 357350"/>
                <a:gd name="connsiteX0" fmla="*/ 0 w 5231690"/>
                <a:gd name="connsiteY0" fmla="*/ 27873 h 357350"/>
                <a:gd name="connsiteX1" fmla="*/ 5231690 w 5231690"/>
                <a:gd name="connsiteY1" fmla="*/ 0 h 357350"/>
                <a:gd name="connsiteX2" fmla="*/ 4770553 w 5231690"/>
                <a:gd name="connsiteY2" fmla="*/ 357350 h 357350"/>
                <a:gd name="connsiteX3" fmla="*/ 430206 w 5231690"/>
                <a:gd name="connsiteY3" fmla="*/ 353194 h 357350"/>
                <a:gd name="connsiteX4" fmla="*/ 0 w 5231690"/>
                <a:gd name="connsiteY4" fmla="*/ 27873 h 357350"/>
                <a:gd name="connsiteX0" fmla="*/ 0 w 5221597"/>
                <a:gd name="connsiteY0" fmla="*/ 22298 h 357350"/>
                <a:gd name="connsiteX1" fmla="*/ 5221597 w 5221597"/>
                <a:gd name="connsiteY1" fmla="*/ 0 h 357350"/>
                <a:gd name="connsiteX2" fmla="*/ 4760460 w 5221597"/>
                <a:gd name="connsiteY2" fmla="*/ 357350 h 357350"/>
                <a:gd name="connsiteX3" fmla="*/ 420113 w 5221597"/>
                <a:gd name="connsiteY3" fmla="*/ 353194 h 357350"/>
                <a:gd name="connsiteX4" fmla="*/ 0 w 5221597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80647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65508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64540"/>
                <a:gd name="connsiteY0" fmla="*/ 0 h 360601"/>
                <a:gd name="connsiteX1" fmla="*/ 5264540 w 5264540"/>
                <a:gd name="connsiteY1" fmla="*/ 3251 h 360601"/>
                <a:gd name="connsiteX2" fmla="*/ 4788264 w 5264540"/>
                <a:gd name="connsiteY2" fmla="*/ 360601 h 360601"/>
                <a:gd name="connsiteX3" fmla="*/ 463056 w 5264540"/>
                <a:gd name="connsiteY3" fmla="*/ 356445 h 360601"/>
                <a:gd name="connsiteX4" fmla="*/ 0 w 5264540"/>
                <a:gd name="connsiteY4" fmla="*/ 0 h 360601"/>
                <a:gd name="connsiteX0" fmla="*/ 0 w 5264540"/>
                <a:gd name="connsiteY0" fmla="*/ 3136 h 357350"/>
                <a:gd name="connsiteX1" fmla="*/ 5264540 w 5264540"/>
                <a:gd name="connsiteY1" fmla="*/ 0 h 357350"/>
                <a:gd name="connsiteX2" fmla="*/ 4788264 w 5264540"/>
                <a:gd name="connsiteY2" fmla="*/ 357350 h 357350"/>
                <a:gd name="connsiteX3" fmla="*/ 463056 w 5264540"/>
                <a:gd name="connsiteY3" fmla="*/ 353194 h 357350"/>
                <a:gd name="connsiteX4" fmla="*/ 0 w 5264540"/>
                <a:gd name="connsiteY4" fmla="*/ 3136 h 357350"/>
                <a:gd name="connsiteX0" fmla="*/ 0 w 5244628"/>
                <a:gd name="connsiteY0" fmla="*/ 3136 h 357350"/>
                <a:gd name="connsiteX1" fmla="*/ 5244628 w 5244628"/>
                <a:gd name="connsiteY1" fmla="*/ 0 h 357350"/>
                <a:gd name="connsiteX2" fmla="*/ 4768352 w 5244628"/>
                <a:gd name="connsiteY2" fmla="*/ 357350 h 357350"/>
                <a:gd name="connsiteX3" fmla="*/ 443144 w 5244628"/>
                <a:gd name="connsiteY3" fmla="*/ 353194 h 357350"/>
                <a:gd name="connsiteX4" fmla="*/ 0 w 5244628"/>
                <a:gd name="connsiteY4" fmla="*/ 3136 h 357350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774041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809005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250317" h="357408">
                  <a:moveTo>
                    <a:pt x="0" y="0"/>
                  </a:moveTo>
                  <a:lnTo>
                    <a:pt x="5250317" y="58"/>
                  </a:lnTo>
                  <a:lnTo>
                    <a:pt x="4809005" y="357408"/>
                  </a:lnTo>
                  <a:lnTo>
                    <a:pt x="448833" y="353252"/>
                  </a:lnTo>
                  <a:lnTo>
                    <a:pt x="0" y="0"/>
                  </a:lnTo>
                  <a:close/>
                </a:path>
              </a:pathLst>
            </a:custGeom>
            <a:gradFill flip="none" rotWithShape="1">
              <a:gsLst>
                <a:gs pos="0">
                  <a:srgbClr val="005392"/>
                </a:gs>
                <a:gs pos="31000">
                  <a:srgbClr val="0070C0"/>
                </a:gs>
                <a:gs pos="46104">
                  <a:srgbClr val="0171C0"/>
                </a:gs>
                <a:gs pos="63000">
                  <a:srgbClr val="0674C3"/>
                </a:gs>
                <a:gs pos="100000">
                  <a:srgbClr val="005392"/>
                </a:gs>
              </a:gsLst>
              <a:path path="circle">
                <a:fillToRect l="100000" b="100000"/>
              </a:path>
              <a:tileRect t="-100000" r="-100000"/>
            </a:gra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  <p:sp>
          <p:nvSpPr>
            <p:cNvPr id="56" name="TextBox 55">
              <a:extLst>
                <a:ext uri="{FF2B5EF4-FFF2-40B4-BE49-F238E27FC236}">
                  <a16:creationId xmlns:a16="http://schemas.microsoft.com/office/drawing/2014/main" id="{25665446-E725-488B-A002-CC62D7A06F57}"/>
                </a:ext>
              </a:extLst>
            </p:cNvPr>
            <p:cNvSpPr txBox="1"/>
            <p:nvPr/>
          </p:nvSpPr>
          <p:spPr>
            <a:xfrm>
              <a:off x="3594093" y="-27055"/>
              <a:ext cx="4958362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endParaRPr lang="en-US" sz="2000" dirty="0">
                <a:solidFill>
                  <a:schemeClr val="bg1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1863772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4" name="Picture 33">
            <a:extLst>
              <a:ext uri="{FF2B5EF4-FFF2-40B4-BE49-F238E27FC236}">
                <a16:creationId xmlns:a16="http://schemas.microsoft.com/office/drawing/2014/main" id="{33E8C6BE-B38D-4276-9AA5-F0B734DA5B1F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-1" r="4964" b="-455"/>
          <a:stretch/>
        </p:blipFill>
        <p:spPr>
          <a:xfrm flipH="1">
            <a:off x="225285" y="167666"/>
            <a:ext cx="7200007" cy="4280952"/>
          </a:xfrm>
          <a:prstGeom prst="rect">
            <a:avLst/>
          </a:prstGeom>
        </p:spPr>
      </p:pic>
      <p:sp>
        <p:nvSpPr>
          <p:cNvPr id="35" name="Rectangle 34">
            <a:extLst>
              <a:ext uri="{FF2B5EF4-FFF2-40B4-BE49-F238E27FC236}">
                <a16:creationId xmlns:a16="http://schemas.microsoft.com/office/drawing/2014/main" id="{EE253996-3FD5-41CF-B0AF-1F89C90A5254}"/>
              </a:ext>
            </a:extLst>
          </p:cNvPr>
          <p:cNvSpPr/>
          <p:nvPr/>
        </p:nvSpPr>
        <p:spPr>
          <a:xfrm>
            <a:off x="0" y="107845"/>
            <a:ext cx="11900452" cy="4403835"/>
          </a:xfrm>
          <a:prstGeom prst="rect">
            <a:avLst/>
          </a:prstGeom>
          <a:gradFill flip="none" rotWithShape="1">
            <a:gsLst>
              <a:gs pos="27000">
                <a:schemeClr val="bg1">
                  <a:alpha val="0"/>
                </a:schemeClr>
              </a:gs>
              <a:gs pos="0">
                <a:schemeClr val="tx1">
                  <a:lumMod val="85000"/>
                  <a:lumOff val="15000"/>
                  <a:alpha val="47000"/>
                </a:schemeClr>
              </a:gs>
              <a:gs pos="58000">
                <a:schemeClr val="bg1">
                  <a:lumMod val="85000"/>
                </a:schemeClr>
              </a:gs>
            </a:gsLst>
            <a:path path="circle">
              <a:fillToRect t="100000" r="100000"/>
            </a:path>
            <a:tileRect l="-100000" b="-10000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d-ID" dirty="0"/>
          </a:p>
        </p:txBody>
      </p:sp>
      <p:sp>
        <p:nvSpPr>
          <p:cNvPr id="31" name="Freeform 44">
            <a:extLst>
              <a:ext uri="{FF2B5EF4-FFF2-40B4-BE49-F238E27FC236}">
                <a16:creationId xmlns:a16="http://schemas.microsoft.com/office/drawing/2014/main" id="{F54CACFF-50B8-4975-96E1-015B5631353A}"/>
              </a:ext>
            </a:extLst>
          </p:cNvPr>
          <p:cNvSpPr/>
          <p:nvPr/>
        </p:nvSpPr>
        <p:spPr>
          <a:xfrm>
            <a:off x="0" y="1944414"/>
            <a:ext cx="12191999" cy="4913585"/>
          </a:xfrm>
          <a:custGeom>
            <a:avLst/>
            <a:gdLst>
              <a:gd name="connsiteX0" fmla="*/ 10340355 w 12191999"/>
              <a:gd name="connsiteY0" fmla="*/ 0 h 4953001"/>
              <a:gd name="connsiteX1" fmla="*/ 11921557 w 12191999"/>
              <a:gd name="connsiteY1" fmla="*/ 298901 h 4953001"/>
              <a:gd name="connsiteX2" fmla="*/ 12191999 w 12191999"/>
              <a:gd name="connsiteY2" fmla="*/ 421557 h 4953001"/>
              <a:gd name="connsiteX3" fmla="*/ 12191999 w 12191999"/>
              <a:gd name="connsiteY3" fmla="*/ 2262552 h 4953001"/>
              <a:gd name="connsiteX4" fmla="*/ 12191999 w 12191999"/>
              <a:gd name="connsiteY4" fmla="*/ 4531443 h 4953001"/>
              <a:gd name="connsiteX5" fmla="*/ 12191999 w 12191999"/>
              <a:gd name="connsiteY5" fmla="*/ 4952999 h 4953001"/>
              <a:gd name="connsiteX6" fmla="*/ 10340399 w 12191999"/>
              <a:gd name="connsiteY6" fmla="*/ 4952999 h 4953001"/>
              <a:gd name="connsiteX7" fmla="*/ 10340355 w 12191999"/>
              <a:gd name="connsiteY7" fmla="*/ 4953000 h 4953001"/>
              <a:gd name="connsiteX8" fmla="*/ 10340328 w 12191999"/>
              <a:gd name="connsiteY8" fmla="*/ 4952999 h 4953001"/>
              <a:gd name="connsiteX9" fmla="*/ 5604870 w 12191999"/>
              <a:gd name="connsiteY9" fmla="*/ 4952999 h 4953001"/>
              <a:gd name="connsiteX10" fmla="*/ 5604809 w 12191999"/>
              <a:gd name="connsiteY10" fmla="*/ 4953001 h 4953001"/>
              <a:gd name="connsiteX11" fmla="*/ 5604748 w 12191999"/>
              <a:gd name="connsiteY11" fmla="*/ 4952999 h 4953001"/>
              <a:gd name="connsiteX12" fmla="*/ 0 w 12191999"/>
              <a:gd name="connsiteY12" fmla="*/ 4952999 h 4953001"/>
              <a:gd name="connsiteX13" fmla="*/ 0 w 12191999"/>
              <a:gd name="connsiteY13" fmla="*/ 4151859 h 4953001"/>
              <a:gd name="connsiteX14" fmla="*/ 0 w 12191999"/>
              <a:gd name="connsiteY14" fmla="*/ 3009899 h 4953001"/>
              <a:gd name="connsiteX15" fmla="*/ 0 w 12191999"/>
              <a:gd name="connsiteY15" fmla="*/ 2773550 h 4953001"/>
              <a:gd name="connsiteX16" fmla="*/ 73056 w 12191999"/>
              <a:gd name="connsiteY16" fmla="*/ 2693371 h 4953001"/>
              <a:gd name="connsiteX17" fmla="*/ 1784350 w 12191999"/>
              <a:gd name="connsiteY17" fmla="*/ 2086708 h 4953001"/>
              <a:gd name="connsiteX18" fmla="*/ 2979029 w 12191999"/>
              <a:gd name="connsiteY18" fmla="*/ 2340572 h 4953001"/>
              <a:gd name="connsiteX19" fmla="*/ 3035542 w 12191999"/>
              <a:gd name="connsiteY19" fmla="*/ 2370916 h 4953001"/>
              <a:gd name="connsiteX20" fmla="*/ 3122083 w 12191999"/>
              <a:gd name="connsiteY20" fmla="*/ 2254650 h 4953001"/>
              <a:gd name="connsiteX21" fmla="*/ 5604809 w 12191999"/>
              <a:gd name="connsiteY21" fmla="*/ 1298331 h 4953001"/>
              <a:gd name="connsiteX22" fmla="*/ 7183460 w 12191999"/>
              <a:gd name="connsiteY22" fmla="*/ 1610411 h 4953001"/>
              <a:gd name="connsiteX23" fmla="*/ 7225764 w 12191999"/>
              <a:gd name="connsiteY23" fmla="*/ 1630884 h 4953001"/>
              <a:gd name="connsiteX24" fmla="*/ 7283786 w 12191999"/>
              <a:gd name="connsiteY24" fmla="*/ 1512535 h 4953001"/>
              <a:gd name="connsiteX25" fmla="*/ 10340355 w 12191999"/>
              <a:gd name="connsiteY25" fmla="*/ 0 h 495300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</a:cxnLst>
            <a:rect l="l" t="t" r="r" b="b"/>
            <a:pathLst>
              <a:path w="12191999" h="4953001">
                <a:moveTo>
                  <a:pt x="10340355" y="0"/>
                </a:moveTo>
                <a:cubicBezTo>
                  <a:pt x="10912877" y="0"/>
                  <a:pt x="11451524" y="108278"/>
                  <a:pt x="11921557" y="298901"/>
                </a:cubicBezTo>
                <a:lnTo>
                  <a:pt x="12191999" y="421557"/>
                </a:lnTo>
                <a:lnTo>
                  <a:pt x="12191999" y="2262552"/>
                </a:lnTo>
                <a:lnTo>
                  <a:pt x="12191999" y="4531443"/>
                </a:lnTo>
                <a:lnTo>
                  <a:pt x="12191999" y="4952999"/>
                </a:lnTo>
                <a:lnTo>
                  <a:pt x="10340399" y="4952999"/>
                </a:lnTo>
                <a:lnTo>
                  <a:pt x="10340355" y="4953000"/>
                </a:lnTo>
                <a:lnTo>
                  <a:pt x="10340328" y="4952999"/>
                </a:lnTo>
                <a:lnTo>
                  <a:pt x="5604870" y="4952999"/>
                </a:lnTo>
                <a:lnTo>
                  <a:pt x="5604809" y="4953001"/>
                </a:lnTo>
                <a:lnTo>
                  <a:pt x="5604748" y="4952999"/>
                </a:lnTo>
                <a:lnTo>
                  <a:pt x="0" y="4952999"/>
                </a:lnTo>
                <a:lnTo>
                  <a:pt x="0" y="4151859"/>
                </a:lnTo>
                <a:lnTo>
                  <a:pt x="0" y="3009899"/>
                </a:lnTo>
                <a:lnTo>
                  <a:pt x="0" y="2773550"/>
                </a:lnTo>
                <a:lnTo>
                  <a:pt x="73056" y="2693371"/>
                </a:lnTo>
                <a:cubicBezTo>
                  <a:pt x="443926" y="2327354"/>
                  <a:pt x="1071989" y="2086708"/>
                  <a:pt x="1784350" y="2086708"/>
                </a:cubicBezTo>
                <a:cubicBezTo>
                  <a:pt x="2229576" y="2086708"/>
                  <a:pt x="2641872" y="2180711"/>
                  <a:pt x="2979029" y="2340572"/>
                </a:cubicBezTo>
                <a:lnTo>
                  <a:pt x="3035542" y="2370916"/>
                </a:lnTo>
                <a:lnTo>
                  <a:pt x="3122083" y="2254650"/>
                </a:lnTo>
                <a:cubicBezTo>
                  <a:pt x="3600214" y="1685023"/>
                  <a:pt x="4532735" y="1298331"/>
                  <a:pt x="5604809" y="1298331"/>
                </a:cubicBezTo>
                <a:cubicBezTo>
                  <a:pt x="6189577" y="1298331"/>
                  <a:pt x="6732825" y="1413380"/>
                  <a:pt x="7183460" y="1610411"/>
                </a:cubicBezTo>
                <a:lnTo>
                  <a:pt x="7225764" y="1630884"/>
                </a:lnTo>
                <a:lnTo>
                  <a:pt x="7283786" y="1512535"/>
                </a:lnTo>
                <a:cubicBezTo>
                  <a:pt x="7787372" y="623681"/>
                  <a:pt x="8966303" y="0"/>
                  <a:pt x="10340355" y="0"/>
                </a:cubicBezTo>
                <a:close/>
              </a:path>
            </a:pathLst>
          </a:custGeom>
          <a:solidFill>
            <a:schemeClr val="bg1"/>
          </a:soli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44" name="Group 43">
            <a:extLst>
              <a:ext uri="{FF2B5EF4-FFF2-40B4-BE49-F238E27FC236}">
                <a16:creationId xmlns:a16="http://schemas.microsoft.com/office/drawing/2014/main" id="{B4D5438F-F2BF-4F1C-90F0-5733E3C3976E}"/>
              </a:ext>
            </a:extLst>
          </p:cNvPr>
          <p:cNvGrpSpPr/>
          <p:nvPr/>
        </p:nvGrpSpPr>
        <p:grpSpPr>
          <a:xfrm>
            <a:off x="10091572" y="-194441"/>
            <a:ext cx="2348078" cy="2263338"/>
            <a:chOff x="10091572" y="-194441"/>
            <a:chExt cx="2348078" cy="2263338"/>
          </a:xfrm>
          <a:solidFill>
            <a:schemeClr val="bg1"/>
          </a:solidFill>
        </p:grpSpPr>
        <p:sp>
          <p:nvSpPr>
            <p:cNvPr id="27" name="Oval 26">
              <a:extLst>
                <a:ext uri="{FF2B5EF4-FFF2-40B4-BE49-F238E27FC236}">
                  <a16:creationId xmlns:a16="http://schemas.microsoft.com/office/drawing/2014/main" id="{C60B37B5-9B29-4E1A-929F-5B7B753A800B}"/>
                </a:ext>
              </a:extLst>
            </p:cNvPr>
            <p:cNvSpPr/>
            <p:nvPr/>
          </p:nvSpPr>
          <p:spPr>
            <a:xfrm>
              <a:off x="10453195" y="-194441"/>
              <a:ext cx="1986455" cy="1918466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6">
                <a:shade val="50000"/>
              </a:schemeClr>
            </a:lnRef>
            <a:fillRef idx="1">
              <a:schemeClr val="accent6"/>
            </a:fillRef>
            <a:effectRef idx="0">
              <a:schemeClr val="accent6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 dirty="0"/>
            </a:p>
          </p:txBody>
        </p:sp>
        <p:sp>
          <p:nvSpPr>
            <p:cNvPr id="28" name="TextBox 27">
              <a:extLst>
                <a:ext uri="{FF2B5EF4-FFF2-40B4-BE49-F238E27FC236}">
                  <a16:creationId xmlns:a16="http://schemas.microsoft.com/office/drawing/2014/main" id="{CECD139B-07E4-4C62-87D9-883D8FEE894B}"/>
                </a:ext>
              </a:extLst>
            </p:cNvPr>
            <p:cNvSpPr txBox="1"/>
            <p:nvPr/>
          </p:nvSpPr>
          <p:spPr>
            <a:xfrm>
              <a:off x="10515600" y="314654"/>
              <a:ext cx="1448787" cy="107721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id-ID" sz="1600" dirty="0"/>
                <a:t>Bersama lebih mudah, lebih cepat, lebih baik</a:t>
              </a:r>
            </a:p>
          </p:txBody>
        </p:sp>
        <p:sp>
          <p:nvSpPr>
            <p:cNvPr id="29" name="Oval 28">
              <a:extLst>
                <a:ext uri="{FF2B5EF4-FFF2-40B4-BE49-F238E27FC236}">
                  <a16:creationId xmlns:a16="http://schemas.microsoft.com/office/drawing/2014/main" id="{81BD4FBC-83DE-45B8-B645-5EC0ACED452C}"/>
                </a:ext>
              </a:extLst>
            </p:cNvPr>
            <p:cNvSpPr/>
            <p:nvPr/>
          </p:nvSpPr>
          <p:spPr>
            <a:xfrm>
              <a:off x="11482881" y="1740777"/>
              <a:ext cx="328120" cy="328120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 dirty="0"/>
            </a:p>
          </p:txBody>
        </p:sp>
        <p:sp>
          <p:nvSpPr>
            <p:cNvPr id="30" name="Oval 29">
              <a:extLst>
                <a:ext uri="{FF2B5EF4-FFF2-40B4-BE49-F238E27FC236}">
                  <a16:creationId xmlns:a16="http://schemas.microsoft.com/office/drawing/2014/main" id="{F9B40A5B-B759-4220-BC65-DC86243059CB}"/>
                </a:ext>
              </a:extLst>
            </p:cNvPr>
            <p:cNvSpPr/>
            <p:nvPr/>
          </p:nvSpPr>
          <p:spPr>
            <a:xfrm>
              <a:off x="10091572" y="241082"/>
              <a:ext cx="367863" cy="367863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</p:grp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49822" y="4314824"/>
            <a:ext cx="11137681" cy="2085976"/>
          </a:xfrm>
        </p:spPr>
        <p:txBody>
          <a:bodyPr>
            <a:normAutofit fontScale="92500" lnSpcReduction="20000"/>
          </a:bodyPr>
          <a:lstStyle/>
          <a:p>
            <a:pPr marL="0" indent="0">
              <a:buNone/>
            </a:pPr>
            <a:r>
              <a:rPr lang="id-ID" sz="2400" b="1" i="1" dirty="0"/>
              <a:t>Bahan Bacaan:</a:t>
            </a:r>
          </a:p>
          <a:p>
            <a:pPr marL="357188" indent="-255588"/>
            <a:r>
              <a:rPr lang="id-ID" dirty="0"/>
              <a:t>Bates, A. W. (2019). </a:t>
            </a:r>
            <a:r>
              <a:rPr lang="id-ID" i="1" dirty="0"/>
              <a:t>Teaching in a Digital Age -Second Edition</a:t>
            </a:r>
            <a:r>
              <a:rPr lang="id-ID" dirty="0"/>
              <a:t> (2 ed.). Tony Bates Associates Ltd.</a:t>
            </a:r>
          </a:p>
          <a:p>
            <a:pPr marL="357188" indent="-255588"/>
            <a:r>
              <a:rPr lang="id-ID" dirty="0"/>
              <a:t>Smaldino, S. E., Lowther, D. L., &amp; Russell, J. D. (2012). </a:t>
            </a:r>
            <a:r>
              <a:rPr lang="id-ID" i="1" dirty="0"/>
              <a:t>Instructional Technology &amp; Media for Learning: Teknologi Pembelajaran dan Media untuk Belajar</a:t>
            </a:r>
            <a:r>
              <a:rPr lang="id-ID" dirty="0"/>
              <a:t> (2 ed.). Kencana Prenada Media Group.</a:t>
            </a:r>
          </a:p>
          <a:p>
            <a:pPr marL="357188" indent="-255588"/>
            <a:r>
              <a:rPr lang="id-ID" dirty="0"/>
              <a:t>Chaeruman, U. A. (2018). </a:t>
            </a:r>
            <a:r>
              <a:rPr lang="id-ID" i="1" dirty="0"/>
              <a:t>Panduan Memilih dan Menentukan Seting Belajar dalam Merancang Pembelajaran Blended</a:t>
            </a:r>
            <a:r>
              <a:rPr lang="id-ID" dirty="0"/>
              <a:t>.</a:t>
            </a:r>
          </a:p>
          <a:p>
            <a:pPr marL="357188" indent="-255588"/>
            <a:r>
              <a:rPr lang="id-ID" dirty="0"/>
              <a:t>Suryani, N., Setiawan, A., &amp; Putria, A. (2018). </a:t>
            </a:r>
            <a:r>
              <a:rPr lang="id-ID" i="1" dirty="0"/>
              <a:t>Media Pembelajaran Inovatif dan Pengembangannya</a:t>
            </a:r>
            <a:r>
              <a:rPr lang="id-ID" dirty="0"/>
              <a:t>. PT. Remaja Rosdakarya.</a:t>
            </a:r>
          </a:p>
        </p:txBody>
      </p:sp>
      <p:pic>
        <p:nvPicPr>
          <p:cNvPr id="38" name="Picture 37">
            <a:extLst>
              <a:ext uri="{FF2B5EF4-FFF2-40B4-BE49-F238E27FC236}">
                <a16:creationId xmlns:a16="http://schemas.microsoft.com/office/drawing/2014/main" id="{24676991-97CE-4370-8497-9C20B6A1724F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181865" y="3943792"/>
            <a:ext cx="312832" cy="431492"/>
          </a:xfrm>
          <a:prstGeom prst="rect">
            <a:avLst/>
          </a:prstGeom>
          <a:effectLst>
            <a:glow rad="63500">
              <a:schemeClr val="bg1">
                <a:alpha val="64000"/>
              </a:schemeClr>
            </a:glow>
          </a:effectLst>
        </p:spPr>
      </p:pic>
      <p:pic>
        <p:nvPicPr>
          <p:cNvPr id="39" name="Picture 38">
            <a:extLst>
              <a:ext uri="{FF2B5EF4-FFF2-40B4-BE49-F238E27FC236}">
                <a16:creationId xmlns:a16="http://schemas.microsoft.com/office/drawing/2014/main" id="{B4E81086-F2AC-4378-95FE-F1360BEC23EA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saturation sat="4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b="6793"/>
          <a:stretch/>
        </p:blipFill>
        <p:spPr>
          <a:xfrm>
            <a:off x="11143462" y="3871075"/>
            <a:ext cx="485135" cy="499780"/>
          </a:xfrm>
          <a:prstGeom prst="rect">
            <a:avLst/>
          </a:prstGeom>
          <a:effectLst>
            <a:glow rad="63500">
              <a:schemeClr val="bg1"/>
            </a:glow>
          </a:effectLst>
        </p:spPr>
      </p:pic>
      <p:pic>
        <p:nvPicPr>
          <p:cNvPr id="40" name="Picture 2" descr="Logo UIN Sunan Kalijaga Format CDR, PNG HD, AI, EPS, PDF | LogoDud ...">
            <a:extLst>
              <a:ext uri="{FF2B5EF4-FFF2-40B4-BE49-F238E27FC236}">
                <a16:creationId xmlns:a16="http://schemas.microsoft.com/office/drawing/2014/main" id="{4A873CBC-B319-44F0-8707-BD90568DDCA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658753" y="3932778"/>
            <a:ext cx="336508" cy="418184"/>
          </a:xfrm>
          <a:prstGeom prst="rect">
            <a:avLst/>
          </a:prstGeom>
          <a:noFill/>
          <a:effectLst>
            <a:glow rad="63500">
              <a:schemeClr val="bg1">
                <a:alpha val="53000"/>
              </a:schemeClr>
            </a:glow>
            <a:outerShdw blurRad="63500" sx="102000" sy="102000" algn="ctr" rotWithShape="0">
              <a:schemeClr val="bg1"/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A4D13C34-D8C0-4315-83A8-6009B18E7876}"/>
              </a:ext>
            </a:extLst>
          </p:cNvPr>
          <p:cNvSpPr txBox="1"/>
          <p:nvPr/>
        </p:nvSpPr>
        <p:spPr>
          <a:xfrm>
            <a:off x="4319753" y="514999"/>
            <a:ext cx="4694181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id-ID" sz="5400" b="1" dirty="0">
                <a:solidFill>
                  <a:srgbClr val="C00000"/>
                </a:solidFill>
              </a:rPr>
              <a:t>Terima Kasih</a:t>
            </a: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C4E32FBF-E93E-4546-9D8F-50BA21709993}"/>
              </a:ext>
            </a:extLst>
          </p:cNvPr>
          <p:cNvSpPr txBox="1"/>
          <p:nvPr/>
        </p:nvSpPr>
        <p:spPr>
          <a:xfrm>
            <a:off x="4841329" y="1177158"/>
            <a:ext cx="4172605" cy="59528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id-ID" sz="3200" dirty="0"/>
              <a:t>Atas waktu Anda</a:t>
            </a: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98EC907-5907-404E-8FEF-AACA724D81F2}"/>
              </a:ext>
            </a:extLst>
          </p:cNvPr>
          <p:cNvSpPr txBox="1"/>
          <p:nvPr/>
        </p:nvSpPr>
        <p:spPr>
          <a:xfrm>
            <a:off x="7767144" y="2280749"/>
            <a:ext cx="3930870" cy="15542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>
              <a:spcAft>
                <a:spcPts val="600"/>
              </a:spcAft>
            </a:pPr>
            <a:r>
              <a:rPr lang="id-ID" sz="1800" dirty="0"/>
              <a:t>Kita bisa terhubung melalui:</a:t>
            </a:r>
          </a:p>
          <a:p>
            <a:pPr algn="r"/>
            <a:r>
              <a:rPr lang="id-ID" sz="1800" b="1" i="1" dirty="0">
                <a:solidFill>
                  <a:srgbClr val="0070C0"/>
                </a:solidFill>
              </a:rPr>
              <a:t>082272641489 (WA)</a:t>
            </a:r>
          </a:p>
          <a:p>
            <a:pPr algn="r"/>
            <a:r>
              <a:rPr lang="id-ID" sz="1800" b="1" dirty="0">
                <a:solidFill>
                  <a:srgbClr val="00B050"/>
                </a:solidFill>
              </a:rPr>
              <a:t>https://bit.ly/kmpku (Grup WA)</a:t>
            </a:r>
          </a:p>
          <a:p>
            <a:pPr algn="r"/>
            <a:r>
              <a:rPr lang="id-ID" sz="1800" b="1" dirty="0">
                <a:solidFill>
                  <a:srgbClr val="C00000"/>
                </a:solidFill>
              </a:rPr>
              <a:t>huseinbatubara@gmail.com</a:t>
            </a:r>
          </a:p>
          <a:p>
            <a:pPr algn="r"/>
            <a:r>
              <a:rPr lang="id-ID" sz="1800" b="1" dirty="0"/>
              <a:t>www.hamdanhuseinbatubara.com</a:t>
            </a:r>
          </a:p>
        </p:txBody>
      </p:sp>
      <p:grpSp>
        <p:nvGrpSpPr>
          <p:cNvPr id="36" name="Group 35">
            <a:extLst>
              <a:ext uri="{FF2B5EF4-FFF2-40B4-BE49-F238E27FC236}">
                <a16:creationId xmlns:a16="http://schemas.microsoft.com/office/drawing/2014/main" id="{7CB35B45-1A74-496C-92F5-C43338EBD1BA}"/>
              </a:ext>
            </a:extLst>
          </p:cNvPr>
          <p:cNvGrpSpPr/>
          <p:nvPr/>
        </p:nvGrpSpPr>
        <p:grpSpPr>
          <a:xfrm>
            <a:off x="0" y="-36431"/>
            <a:ext cx="12200792" cy="6894431"/>
            <a:chOff x="-8792" y="-27055"/>
            <a:chExt cx="12200792" cy="6894431"/>
          </a:xfrm>
        </p:grpSpPr>
        <p:sp>
          <p:nvSpPr>
            <p:cNvPr id="37" name="Rectangle 36">
              <a:extLst>
                <a:ext uri="{FF2B5EF4-FFF2-40B4-BE49-F238E27FC236}">
                  <a16:creationId xmlns:a16="http://schemas.microsoft.com/office/drawing/2014/main" id="{B6950399-8B0D-4F04-9343-4A0B14A89629}"/>
                </a:ext>
              </a:extLst>
            </p:cNvPr>
            <p:cNvSpPr/>
            <p:nvPr/>
          </p:nvSpPr>
          <p:spPr>
            <a:xfrm>
              <a:off x="-2166" y="-2408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1" name="Rectangle 40">
              <a:extLst>
                <a:ext uri="{FF2B5EF4-FFF2-40B4-BE49-F238E27FC236}">
                  <a16:creationId xmlns:a16="http://schemas.microsoft.com/office/drawing/2014/main" id="{70456A32-7FFB-4D61-BA2A-0FB26DFA20DF}"/>
                </a:ext>
              </a:extLst>
            </p:cNvPr>
            <p:cNvSpPr/>
            <p:nvPr/>
          </p:nvSpPr>
          <p:spPr>
            <a:xfrm>
              <a:off x="11846497" y="-2409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2" name="Rectangle 41">
              <a:extLst>
                <a:ext uri="{FF2B5EF4-FFF2-40B4-BE49-F238E27FC236}">
                  <a16:creationId xmlns:a16="http://schemas.microsoft.com/office/drawing/2014/main" id="{9C74FCB8-EFFF-4D11-8E4D-E0166C6B7206}"/>
                </a:ext>
              </a:extLst>
            </p:cNvPr>
            <p:cNvSpPr/>
            <p:nvPr/>
          </p:nvSpPr>
          <p:spPr>
            <a:xfrm>
              <a:off x="-2166" y="-2408"/>
              <a:ext cx="12194165" cy="203200"/>
            </a:xfrm>
            <a:prstGeom prst="rect">
              <a:avLst/>
            </a:prstGeom>
            <a:solidFill>
              <a:srgbClr val="0070C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43" name="Group 42">
              <a:extLst>
                <a:ext uri="{FF2B5EF4-FFF2-40B4-BE49-F238E27FC236}">
                  <a16:creationId xmlns:a16="http://schemas.microsoft.com/office/drawing/2014/main" id="{06055856-CDA5-4A74-860A-373C69497A25}"/>
                </a:ext>
              </a:extLst>
            </p:cNvPr>
            <p:cNvGrpSpPr/>
            <p:nvPr/>
          </p:nvGrpSpPr>
          <p:grpSpPr>
            <a:xfrm>
              <a:off x="-8792" y="6376639"/>
              <a:ext cx="12200792" cy="490737"/>
              <a:chOff x="-6625" y="6379047"/>
              <a:chExt cx="12198626" cy="490737"/>
            </a:xfrm>
          </p:grpSpPr>
          <p:sp>
            <p:nvSpPr>
              <p:cNvPr id="50" name="Rectangle 49">
                <a:extLst>
                  <a:ext uri="{FF2B5EF4-FFF2-40B4-BE49-F238E27FC236}">
                    <a16:creationId xmlns:a16="http://schemas.microsoft.com/office/drawing/2014/main" id="{77EED144-1204-4AD5-BCF9-D38F2179863A}"/>
                  </a:ext>
                </a:extLst>
              </p:cNvPr>
              <p:cNvSpPr/>
              <p:nvPr/>
            </p:nvSpPr>
            <p:spPr>
              <a:xfrm>
                <a:off x="4624755" y="6612255"/>
                <a:ext cx="1063869" cy="245521"/>
              </a:xfrm>
              <a:prstGeom prst="rect">
                <a:avLst/>
              </a:prstGeom>
              <a:solidFill>
                <a:srgbClr val="FFA424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51" name="Rectangle 40">
                <a:extLst>
                  <a:ext uri="{FF2B5EF4-FFF2-40B4-BE49-F238E27FC236}">
                    <a16:creationId xmlns:a16="http://schemas.microsoft.com/office/drawing/2014/main" id="{2FF596D0-9BA4-4F9D-A738-212E29C26C69}"/>
                  </a:ext>
                </a:extLst>
              </p:cNvPr>
              <p:cNvSpPr/>
              <p:nvPr/>
            </p:nvSpPr>
            <p:spPr>
              <a:xfrm>
                <a:off x="5065381" y="6622909"/>
                <a:ext cx="7126620" cy="246875"/>
              </a:xfrm>
              <a:custGeom>
                <a:avLst/>
                <a:gdLst>
                  <a:gd name="connsiteX0" fmla="*/ 0 w 7048500"/>
                  <a:gd name="connsiteY0" fmla="*/ 0 h 219807"/>
                  <a:gd name="connsiteX1" fmla="*/ 7048500 w 7048500"/>
                  <a:gd name="connsiteY1" fmla="*/ 0 h 219807"/>
                  <a:gd name="connsiteX2" fmla="*/ 7048500 w 7048500"/>
                  <a:gd name="connsiteY2" fmla="*/ 219807 h 219807"/>
                  <a:gd name="connsiteX3" fmla="*/ 0 w 7048500"/>
                  <a:gd name="connsiteY3" fmla="*/ 219807 h 219807"/>
                  <a:gd name="connsiteX4" fmla="*/ 0 w 7048500"/>
                  <a:gd name="connsiteY4" fmla="*/ 0 h 219807"/>
                  <a:gd name="connsiteX0" fmla="*/ 334107 w 7382607"/>
                  <a:gd name="connsiteY0" fmla="*/ 0 h 219807"/>
                  <a:gd name="connsiteX1" fmla="*/ 7382607 w 7382607"/>
                  <a:gd name="connsiteY1" fmla="*/ 0 h 219807"/>
                  <a:gd name="connsiteX2" fmla="*/ 7382607 w 7382607"/>
                  <a:gd name="connsiteY2" fmla="*/ 219807 h 219807"/>
                  <a:gd name="connsiteX3" fmla="*/ 0 w 7382607"/>
                  <a:gd name="connsiteY3" fmla="*/ 219807 h 219807"/>
                  <a:gd name="connsiteX4" fmla="*/ 334107 w 7382607"/>
                  <a:gd name="connsiteY4" fmla="*/ 0 h 21980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382607" h="219807">
                    <a:moveTo>
                      <a:pt x="334107" y="0"/>
                    </a:moveTo>
                    <a:lnTo>
                      <a:pt x="7382607" y="0"/>
                    </a:lnTo>
                    <a:lnTo>
                      <a:pt x="7382607" y="219807"/>
                    </a:lnTo>
                    <a:lnTo>
                      <a:pt x="0" y="219807"/>
                    </a:lnTo>
                    <a:lnTo>
                      <a:pt x="334107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52" name="Freeform 15">
                <a:extLst>
                  <a:ext uri="{FF2B5EF4-FFF2-40B4-BE49-F238E27FC236}">
                    <a16:creationId xmlns:a16="http://schemas.microsoft.com/office/drawing/2014/main" id="{FDC3BD00-C5E4-4B1A-A721-D54B2E8F74F1}"/>
                  </a:ext>
                </a:extLst>
              </p:cNvPr>
              <p:cNvSpPr/>
              <p:nvPr/>
            </p:nvSpPr>
            <p:spPr>
              <a:xfrm>
                <a:off x="785938" y="6411997"/>
                <a:ext cx="14304" cy="4763"/>
              </a:xfrm>
              <a:custGeom>
                <a:avLst/>
                <a:gdLst>
                  <a:gd name="connsiteX0" fmla="*/ 14304 w 14304"/>
                  <a:gd name="connsiteY0" fmla="*/ 0 h 4763"/>
                  <a:gd name="connsiteX1" fmla="*/ 5971 w 14304"/>
                  <a:gd name="connsiteY1" fmla="*/ 4763 h 4763"/>
                  <a:gd name="connsiteX2" fmla="*/ 0 w 14304"/>
                  <a:gd name="connsiteY2" fmla="*/ 4763 h 4763"/>
                  <a:gd name="connsiteX3" fmla="*/ 14304 w 14304"/>
                  <a:gd name="connsiteY3" fmla="*/ 0 h 4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04" h="4763">
                    <a:moveTo>
                      <a:pt x="14304" y="0"/>
                    </a:moveTo>
                    <a:lnTo>
                      <a:pt x="5971" y="4763"/>
                    </a:lnTo>
                    <a:lnTo>
                      <a:pt x="0" y="4763"/>
                    </a:lnTo>
                    <a:lnTo>
                      <a:pt x="14304" y="0"/>
                    </a:lnTo>
                    <a:close/>
                  </a:path>
                </a:pathLst>
              </a:custGeom>
              <a:solidFill>
                <a:srgbClr val="F7A11A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53" name="Rectangle 5">
                <a:extLst>
                  <a:ext uri="{FF2B5EF4-FFF2-40B4-BE49-F238E27FC236}">
                    <a16:creationId xmlns:a16="http://schemas.microsoft.com/office/drawing/2014/main" id="{90D9D600-189F-48DC-979C-1ED52C48CC0A}"/>
                  </a:ext>
                </a:extLst>
              </p:cNvPr>
              <p:cNvSpPr/>
              <p:nvPr/>
            </p:nvSpPr>
            <p:spPr>
              <a:xfrm>
                <a:off x="1" y="6412644"/>
                <a:ext cx="5104894" cy="447764"/>
              </a:xfrm>
              <a:custGeom>
                <a:avLst/>
                <a:gdLst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4553528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5024582" h="397164">
                    <a:moveTo>
                      <a:pt x="0" y="0"/>
                    </a:moveTo>
                    <a:lnTo>
                      <a:pt x="4553528" y="0"/>
                    </a:lnTo>
                    <a:lnTo>
                      <a:pt x="5024582" y="397164"/>
                    </a:lnTo>
                    <a:lnTo>
                      <a:pt x="0" y="397164"/>
                    </a:lnTo>
                    <a:lnTo>
                      <a:pt x="0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54" name="Freeform 17">
                <a:extLst>
                  <a:ext uri="{FF2B5EF4-FFF2-40B4-BE49-F238E27FC236}">
                    <a16:creationId xmlns:a16="http://schemas.microsoft.com/office/drawing/2014/main" id="{D3F5ECC9-D8F6-481A-9C55-2DBE5EB89B29}"/>
                  </a:ext>
                </a:extLst>
              </p:cNvPr>
              <p:cNvSpPr/>
              <p:nvPr/>
            </p:nvSpPr>
            <p:spPr>
              <a:xfrm>
                <a:off x="0" y="6410640"/>
                <a:ext cx="2950459" cy="447360"/>
              </a:xfrm>
              <a:custGeom>
                <a:avLst/>
                <a:gdLst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794327 w 2953014"/>
                  <a:gd name="connsiteY3" fmla="*/ 9146 h 424783"/>
                  <a:gd name="connsiteX4" fmla="*/ 2953014 w 2953014"/>
                  <a:gd name="connsiteY4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49088 w 2953014"/>
                  <a:gd name="connsiteY3" fmla="*/ 340149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 w 2953014"/>
                  <a:gd name="connsiteY3" fmla="*/ 300393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48098 w 2948098"/>
                  <a:gd name="connsiteY0" fmla="*/ 0 h 419962"/>
                  <a:gd name="connsiteX1" fmla="*/ 2140545 w 2948098"/>
                  <a:gd name="connsiteY1" fmla="*/ 419962 h 419962"/>
                  <a:gd name="connsiteX2" fmla="*/ 0 w 2948098"/>
                  <a:gd name="connsiteY2" fmla="*/ 419962 h 419962"/>
                  <a:gd name="connsiteX3" fmla="*/ 1 w 2948098"/>
                  <a:gd name="connsiteY3" fmla="*/ 295572 h 419962"/>
                  <a:gd name="connsiteX4" fmla="*/ 794327 w 2948098"/>
                  <a:gd name="connsiteY4" fmla="*/ 4325 h 419962"/>
                  <a:gd name="connsiteX5" fmla="*/ 2948098 w 2948098"/>
                  <a:gd name="connsiteY5" fmla="*/ 0 h 419962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33656 w 2948098"/>
                  <a:gd name="connsiteY4" fmla="*/ 0 h 420458"/>
                  <a:gd name="connsiteX5" fmla="*/ 2948098 w 2948098"/>
                  <a:gd name="connsiteY5" fmla="*/ 496 h 420458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13992 w 2948098"/>
                  <a:gd name="connsiteY4" fmla="*/ 0 h 420458"/>
                  <a:gd name="connsiteX5" fmla="*/ 2948098 w 2948098"/>
                  <a:gd name="connsiteY5" fmla="*/ 496 h 420458"/>
                  <a:gd name="connsiteX0" fmla="*/ 2945543 w 2945543"/>
                  <a:gd name="connsiteY0" fmla="*/ 0 h 422445"/>
                  <a:gd name="connsiteX1" fmla="*/ 2140545 w 2945543"/>
                  <a:gd name="connsiteY1" fmla="*/ 422445 h 422445"/>
                  <a:gd name="connsiteX2" fmla="*/ 0 w 2945543"/>
                  <a:gd name="connsiteY2" fmla="*/ 422445 h 422445"/>
                  <a:gd name="connsiteX3" fmla="*/ 1 w 2945543"/>
                  <a:gd name="connsiteY3" fmla="*/ 298055 h 422445"/>
                  <a:gd name="connsiteX4" fmla="*/ 813992 w 2945543"/>
                  <a:gd name="connsiteY4" fmla="*/ 1987 h 422445"/>
                  <a:gd name="connsiteX5" fmla="*/ 2945543 w 2945543"/>
                  <a:gd name="connsiteY5" fmla="*/ 0 h 42244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</a:cxnLst>
                <a:rect l="l" t="t" r="r" b="b"/>
                <a:pathLst>
                  <a:path w="2945543" h="422445">
                    <a:moveTo>
                      <a:pt x="2945543" y="0"/>
                    </a:moveTo>
                    <a:lnTo>
                      <a:pt x="2140545" y="422445"/>
                    </a:lnTo>
                    <a:lnTo>
                      <a:pt x="0" y="422445"/>
                    </a:lnTo>
                    <a:cubicBezTo>
                      <a:pt x="0" y="380982"/>
                      <a:pt x="1" y="339518"/>
                      <a:pt x="1" y="298055"/>
                    </a:cubicBezTo>
                    <a:lnTo>
                      <a:pt x="813992" y="1987"/>
                    </a:lnTo>
                    <a:lnTo>
                      <a:pt x="2945543" y="0"/>
                    </a:lnTo>
                    <a:close/>
                  </a:path>
                </a:pathLst>
              </a:custGeom>
              <a:solidFill>
                <a:srgbClr val="C00000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55" name="Rectangle 39">
                <a:extLst>
                  <a:ext uri="{FF2B5EF4-FFF2-40B4-BE49-F238E27FC236}">
                    <a16:creationId xmlns:a16="http://schemas.microsoft.com/office/drawing/2014/main" id="{B8410CBD-2030-4330-91C8-A5D973CDD752}"/>
                  </a:ext>
                </a:extLst>
              </p:cNvPr>
              <p:cNvSpPr/>
              <p:nvPr/>
            </p:nvSpPr>
            <p:spPr>
              <a:xfrm>
                <a:off x="-6625" y="6412230"/>
                <a:ext cx="2143539" cy="445770"/>
              </a:xfrm>
              <a:custGeom>
                <a:avLst/>
                <a:gdLst>
                  <a:gd name="connsiteX0" fmla="*/ 0 w 563217"/>
                  <a:gd name="connsiteY0" fmla="*/ 0 h 407504"/>
                  <a:gd name="connsiteX1" fmla="*/ 563217 w 563217"/>
                  <a:gd name="connsiteY1" fmla="*/ 0 h 407504"/>
                  <a:gd name="connsiteX2" fmla="*/ 563217 w 563217"/>
                  <a:gd name="connsiteY2" fmla="*/ 407504 h 407504"/>
                  <a:gd name="connsiteX3" fmla="*/ 0 w 563217"/>
                  <a:gd name="connsiteY3" fmla="*/ 407504 h 407504"/>
                  <a:gd name="connsiteX4" fmla="*/ 0 w 563217"/>
                  <a:gd name="connsiteY4" fmla="*/ 0 h 407504"/>
                  <a:gd name="connsiteX0" fmla="*/ 0 w 563217"/>
                  <a:gd name="connsiteY0" fmla="*/ 0 h 407504"/>
                  <a:gd name="connsiteX1" fmla="*/ 563217 w 563217"/>
                  <a:gd name="connsiteY1" fmla="*/ 407504 h 407504"/>
                  <a:gd name="connsiteX2" fmla="*/ 0 w 563217"/>
                  <a:gd name="connsiteY2" fmla="*/ 407504 h 407504"/>
                  <a:gd name="connsiteX3" fmla="*/ 0 w 563217"/>
                  <a:gd name="connsiteY3" fmla="*/ 0 h 407504"/>
                  <a:gd name="connsiteX0" fmla="*/ 0 w 1328530"/>
                  <a:gd name="connsiteY0" fmla="*/ 0 h 414130"/>
                  <a:gd name="connsiteX1" fmla="*/ 1328530 w 1328530"/>
                  <a:gd name="connsiteY1" fmla="*/ 414130 h 414130"/>
                  <a:gd name="connsiteX2" fmla="*/ 0 w 1328530"/>
                  <a:gd name="connsiteY2" fmla="*/ 407504 h 414130"/>
                  <a:gd name="connsiteX3" fmla="*/ 0 w 1328530"/>
                  <a:gd name="connsiteY3" fmla="*/ 0 h 414130"/>
                  <a:gd name="connsiteX0" fmla="*/ 0 w 1328530"/>
                  <a:gd name="connsiteY0" fmla="*/ 0 h 417443"/>
                  <a:gd name="connsiteX1" fmla="*/ 1328530 w 1328530"/>
                  <a:gd name="connsiteY1" fmla="*/ 417443 h 417443"/>
                  <a:gd name="connsiteX2" fmla="*/ 0 w 1328530"/>
                  <a:gd name="connsiteY2" fmla="*/ 407504 h 417443"/>
                  <a:gd name="connsiteX3" fmla="*/ 0 w 1328530"/>
                  <a:gd name="connsiteY3" fmla="*/ 0 h 417443"/>
                  <a:gd name="connsiteX0" fmla="*/ 808383 w 2136913"/>
                  <a:gd name="connsiteY0" fmla="*/ 0 h 427383"/>
                  <a:gd name="connsiteX1" fmla="*/ 2136913 w 2136913"/>
                  <a:gd name="connsiteY1" fmla="*/ 417443 h 427383"/>
                  <a:gd name="connsiteX2" fmla="*/ 0 w 2136913"/>
                  <a:gd name="connsiteY2" fmla="*/ 427383 h 427383"/>
                  <a:gd name="connsiteX3" fmla="*/ 808383 w 2136913"/>
                  <a:gd name="connsiteY3" fmla="*/ 0 h 427383"/>
                  <a:gd name="connsiteX0" fmla="*/ 808383 w 2143539"/>
                  <a:gd name="connsiteY0" fmla="*/ 0 h 427383"/>
                  <a:gd name="connsiteX1" fmla="*/ 2143539 w 2143539"/>
                  <a:gd name="connsiteY1" fmla="*/ 424069 h 427383"/>
                  <a:gd name="connsiteX2" fmla="*/ 0 w 2143539"/>
                  <a:gd name="connsiteY2" fmla="*/ 427383 h 427383"/>
                  <a:gd name="connsiteX3" fmla="*/ 808383 w 2143539"/>
                  <a:gd name="connsiteY3" fmla="*/ 0 h 427383"/>
                  <a:gd name="connsiteX0" fmla="*/ 808383 w 2143539"/>
                  <a:gd name="connsiteY0" fmla="*/ 0 h 427383"/>
                  <a:gd name="connsiteX1" fmla="*/ 1116496 w 2143539"/>
                  <a:gd name="connsiteY1" fmla="*/ 92765 h 427383"/>
                  <a:gd name="connsiteX2" fmla="*/ 2143539 w 2143539"/>
                  <a:gd name="connsiteY2" fmla="*/ 424069 h 427383"/>
                  <a:gd name="connsiteX3" fmla="*/ 0 w 2143539"/>
                  <a:gd name="connsiteY3" fmla="*/ 427383 h 427383"/>
                  <a:gd name="connsiteX4" fmla="*/ 808383 w 2143539"/>
                  <a:gd name="connsiteY4" fmla="*/ 0 h 427383"/>
                  <a:gd name="connsiteX0" fmla="*/ 808383 w 2143539"/>
                  <a:gd name="connsiteY0" fmla="*/ 6626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08383 w 2143539"/>
                  <a:gd name="connsiteY4" fmla="*/ 6626 h 434009"/>
                  <a:gd name="connsiteX0" fmla="*/ 831574 w 2143539"/>
                  <a:gd name="connsiteY0" fmla="*/ 0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31574 w 2143539"/>
                  <a:gd name="connsiteY4" fmla="*/ 0 h 434009"/>
                  <a:gd name="connsiteX0" fmla="*/ 841513 w 2143539"/>
                  <a:gd name="connsiteY0" fmla="*/ 3313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41513 w 2143539"/>
                  <a:gd name="connsiteY4" fmla="*/ 3313 h 43400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143539" h="434009">
                    <a:moveTo>
                      <a:pt x="841513" y="3313"/>
                    </a:moveTo>
                    <a:lnTo>
                      <a:pt x="1143001" y="0"/>
                    </a:lnTo>
                    <a:lnTo>
                      <a:pt x="2143539" y="430695"/>
                    </a:lnTo>
                    <a:lnTo>
                      <a:pt x="0" y="434009"/>
                    </a:lnTo>
                    <a:lnTo>
                      <a:pt x="841513" y="3313"/>
                    </a:lnTo>
                    <a:close/>
                  </a:path>
                </a:pathLst>
              </a:custGeom>
              <a:solidFill>
                <a:srgbClr val="F66616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56" name="Picture 55">
                <a:extLst>
                  <a:ext uri="{FF2B5EF4-FFF2-40B4-BE49-F238E27FC236}">
                    <a16:creationId xmlns:a16="http://schemas.microsoft.com/office/drawing/2014/main" id="{EDEDD425-B049-46FB-A087-00BF2DCCCC2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314057" y="6455075"/>
                <a:ext cx="356122" cy="358491"/>
              </a:xfrm>
              <a:prstGeom prst="rect">
                <a:avLst/>
              </a:prstGeom>
            </p:spPr>
          </p:pic>
          <p:pic>
            <p:nvPicPr>
              <p:cNvPr id="57" name="Picture 56">
                <a:extLst>
                  <a:ext uri="{FF2B5EF4-FFF2-40B4-BE49-F238E27FC236}">
                    <a16:creationId xmlns:a16="http://schemas.microsoft.com/office/drawing/2014/main" id="{4D2199AE-7BCF-406A-9E1E-CFFA9E69DBE3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9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740541" y="6454925"/>
                <a:ext cx="358790" cy="358790"/>
              </a:xfrm>
              <a:prstGeom prst="rect">
                <a:avLst/>
              </a:prstGeom>
            </p:spPr>
          </p:pic>
          <p:pic>
            <p:nvPicPr>
              <p:cNvPr id="58" name="Picture 57">
                <a:extLst>
                  <a:ext uri="{FF2B5EF4-FFF2-40B4-BE49-F238E27FC236}">
                    <a16:creationId xmlns:a16="http://schemas.microsoft.com/office/drawing/2014/main" id="{C74C3477-EE13-454A-9CA8-C8ADE80E20C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0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841310" y="6442676"/>
                <a:ext cx="383288" cy="383288"/>
              </a:xfrm>
              <a:prstGeom prst="rect">
                <a:avLst/>
              </a:prstGeom>
            </p:spPr>
          </p:pic>
          <p:sp>
            <p:nvSpPr>
              <p:cNvPr id="59" name="TextBox 58">
                <a:extLst>
                  <a:ext uri="{FF2B5EF4-FFF2-40B4-BE49-F238E27FC236}">
                    <a16:creationId xmlns:a16="http://schemas.microsoft.com/office/drawing/2014/main" id="{D1B3C59B-FC79-492E-A320-22E0E0A4F445}"/>
                  </a:ext>
                </a:extLst>
              </p:cNvPr>
              <p:cNvSpPr txBox="1"/>
              <p:nvPr/>
            </p:nvSpPr>
            <p:spPr>
              <a:xfrm>
                <a:off x="2103154" y="6379047"/>
                <a:ext cx="272273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id-ID" sz="2400" dirty="0">
                    <a:solidFill>
                      <a:schemeClr val="bg1"/>
                    </a:solidFill>
                    <a:latin typeface="Bahnschrift SemiBold Condensed" panose="020B0502040204020203" pitchFamily="34" charset="0"/>
                    <a:ea typeface="Arial Unicode MS" panose="020B0604020202020204" pitchFamily="34" charset="-128"/>
                    <a:cs typeface="Arial Unicode MS" panose="020B0604020202020204" pitchFamily="34" charset="-128"/>
                  </a:rPr>
                  <a:t>Hamdan Husein Batubara</a:t>
                </a:r>
                <a:endParaRPr lang="en-US" sz="2400" dirty="0">
                  <a:solidFill>
                    <a:schemeClr val="bg1"/>
                  </a:solidFill>
                  <a:latin typeface="Bahnschrift SemiBold Condensed" panose="020B0502040204020203" pitchFamily="34" charset="0"/>
                  <a:ea typeface="Arial Unicode MS" panose="020B0604020202020204" pitchFamily="34" charset="-128"/>
                  <a:cs typeface="Arial Unicode MS" panose="020B0604020202020204" pitchFamily="34" charset="-128"/>
                </a:endParaRPr>
              </a:p>
            </p:txBody>
          </p:sp>
        </p:grpSp>
        <p:sp>
          <p:nvSpPr>
            <p:cNvPr id="45" name="Rectangle 1">
              <a:extLst>
                <a:ext uri="{FF2B5EF4-FFF2-40B4-BE49-F238E27FC236}">
                  <a16:creationId xmlns:a16="http://schemas.microsoft.com/office/drawing/2014/main" id="{567DD625-E5E7-4143-A903-8673DEFEADD2}"/>
                </a:ext>
              </a:extLst>
            </p:cNvPr>
            <p:cNvSpPr/>
            <p:nvPr/>
          </p:nvSpPr>
          <p:spPr>
            <a:xfrm>
              <a:off x="11527104" y="6351096"/>
              <a:ext cx="664895" cy="50449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6" name="Rectangle 1">
              <a:extLst>
                <a:ext uri="{FF2B5EF4-FFF2-40B4-BE49-F238E27FC236}">
                  <a16:creationId xmlns:a16="http://schemas.microsoft.com/office/drawing/2014/main" id="{714C153A-A546-42A8-B780-9046974B1D0A}"/>
                </a:ext>
              </a:extLst>
            </p:cNvPr>
            <p:cNvSpPr/>
            <p:nvPr/>
          </p:nvSpPr>
          <p:spPr>
            <a:xfrm rot="16200000">
              <a:off x="11607318" y="77688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7" name="Rectangle 1">
              <a:extLst>
                <a:ext uri="{FF2B5EF4-FFF2-40B4-BE49-F238E27FC236}">
                  <a16:creationId xmlns:a16="http://schemas.microsoft.com/office/drawing/2014/main" id="{4E96BCB3-CB23-4A3D-8A3B-699D3A26FF2B}"/>
                </a:ext>
              </a:extLst>
            </p:cNvPr>
            <p:cNvSpPr/>
            <p:nvPr/>
          </p:nvSpPr>
          <p:spPr>
            <a:xfrm rot="5400000" flipH="1">
              <a:off x="-82262" y="77687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8" name="Rectangle 30">
              <a:extLst>
                <a:ext uri="{FF2B5EF4-FFF2-40B4-BE49-F238E27FC236}">
                  <a16:creationId xmlns:a16="http://schemas.microsoft.com/office/drawing/2014/main" id="{1ED157E2-D397-4BA3-9EA5-6C1AFE3D811A}"/>
                </a:ext>
              </a:extLst>
            </p:cNvPr>
            <p:cNvSpPr/>
            <p:nvPr/>
          </p:nvSpPr>
          <p:spPr>
            <a:xfrm>
              <a:off x="3230764" y="-56"/>
              <a:ext cx="5721173" cy="346895"/>
            </a:xfrm>
            <a:custGeom>
              <a:avLst/>
              <a:gdLst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5044966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55465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14133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745320 w 5044966"/>
                <a:gd name="connsiteY2" fmla="*/ 340628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553550 w 5044966"/>
                <a:gd name="connsiteY2" fmla="*/ 284882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669621 w 5044966"/>
                <a:gd name="connsiteY2" fmla="*/ 351776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130758"/>
                <a:gd name="connsiteY0" fmla="*/ 5574 h 358769"/>
                <a:gd name="connsiteX1" fmla="*/ 5130758 w 5130758"/>
                <a:gd name="connsiteY1" fmla="*/ 0 h 358769"/>
                <a:gd name="connsiteX2" fmla="*/ 4669621 w 5130758"/>
                <a:gd name="connsiteY2" fmla="*/ 357350 h 358769"/>
                <a:gd name="connsiteX3" fmla="*/ 314133 w 5130758"/>
                <a:gd name="connsiteY3" fmla="*/ 358769 h 358769"/>
                <a:gd name="connsiteX4" fmla="*/ 0 w 5130758"/>
                <a:gd name="connsiteY4" fmla="*/ 5574 h 358769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465532 w 5130758"/>
                <a:gd name="connsiteY3" fmla="*/ 342045 h 357350"/>
                <a:gd name="connsiteX4" fmla="*/ 0 w 5130758"/>
                <a:gd name="connsiteY4" fmla="*/ 5574 h 357350"/>
                <a:gd name="connsiteX0" fmla="*/ 0 w 5130758"/>
                <a:gd name="connsiteY0" fmla="*/ 5574 h 364343"/>
                <a:gd name="connsiteX1" fmla="*/ 5130758 w 5130758"/>
                <a:gd name="connsiteY1" fmla="*/ 0 h 364343"/>
                <a:gd name="connsiteX2" fmla="*/ 4669621 w 5130758"/>
                <a:gd name="connsiteY2" fmla="*/ 357350 h 364343"/>
                <a:gd name="connsiteX3" fmla="*/ 314134 w 5130758"/>
                <a:gd name="connsiteY3" fmla="*/ 364343 h 364343"/>
                <a:gd name="connsiteX4" fmla="*/ 0 w 5130758"/>
                <a:gd name="connsiteY4" fmla="*/ 5574 h 364343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59554 w 5130758"/>
                <a:gd name="connsiteY3" fmla="*/ 286298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34321 w 5130758"/>
                <a:gd name="connsiteY3" fmla="*/ 336470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29274 w 5130758"/>
                <a:gd name="connsiteY3" fmla="*/ 353194 h 357350"/>
                <a:gd name="connsiteX4" fmla="*/ 0 w 5130758"/>
                <a:gd name="connsiteY4" fmla="*/ 5574 h 357350"/>
                <a:gd name="connsiteX0" fmla="*/ 0 w 5231690"/>
                <a:gd name="connsiteY0" fmla="*/ 27873 h 357350"/>
                <a:gd name="connsiteX1" fmla="*/ 5231690 w 5231690"/>
                <a:gd name="connsiteY1" fmla="*/ 0 h 357350"/>
                <a:gd name="connsiteX2" fmla="*/ 4770553 w 5231690"/>
                <a:gd name="connsiteY2" fmla="*/ 357350 h 357350"/>
                <a:gd name="connsiteX3" fmla="*/ 430206 w 5231690"/>
                <a:gd name="connsiteY3" fmla="*/ 353194 h 357350"/>
                <a:gd name="connsiteX4" fmla="*/ 0 w 5231690"/>
                <a:gd name="connsiteY4" fmla="*/ 27873 h 357350"/>
                <a:gd name="connsiteX0" fmla="*/ 0 w 5221597"/>
                <a:gd name="connsiteY0" fmla="*/ 22298 h 357350"/>
                <a:gd name="connsiteX1" fmla="*/ 5221597 w 5221597"/>
                <a:gd name="connsiteY1" fmla="*/ 0 h 357350"/>
                <a:gd name="connsiteX2" fmla="*/ 4760460 w 5221597"/>
                <a:gd name="connsiteY2" fmla="*/ 357350 h 357350"/>
                <a:gd name="connsiteX3" fmla="*/ 420113 w 5221597"/>
                <a:gd name="connsiteY3" fmla="*/ 353194 h 357350"/>
                <a:gd name="connsiteX4" fmla="*/ 0 w 5221597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80647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65508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64540"/>
                <a:gd name="connsiteY0" fmla="*/ 0 h 360601"/>
                <a:gd name="connsiteX1" fmla="*/ 5264540 w 5264540"/>
                <a:gd name="connsiteY1" fmla="*/ 3251 h 360601"/>
                <a:gd name="connsiteX2" fmla="*/ 4788264 w 5264540"/>
                <a:gd name="connsiteY2" fmla="*/ 360601 h 360601"/>
                <a:gd name="connsiteX3" fmla="*/ 463056 w 5264540"/>
                <a:gd name="connsiteY3" fmla="*/ 356445 h 360601"/>
                <a:gd name="connsiteX4" fmla="*/ 0 w 5264540"/>
                <a:gd name="connsiteY4" fmla="*/ 0 h 360601"/>
                <a:gd name="connsiteX0" fmla="*/ 0 w 5264540"/>
                <a:gd name="connsiteY0" fmla="*/ 3136 h 357350"/>
                <a:gd name="connsiteX1" fmla="*/ 5264540 w 5264540"/>
                <a:gd name="connsiteY1" fmla="*/ 0 h 357350"/>
                <a:gd name="connsiteX2" fmla="*/ 4788264 w 5264540"/>
                <a:gd name="connsiteY2" fmla="*/ 357350 h 357350"/>
                <a:gd name="connsiteX3" fmla="*/ 463056 w 5264540"/>
                <a:gd name="connsiteY3" fmla="*/ 353194 h 357350"/>
                <a:gd name="connsiteX4" fmla="*/ 0 w 5264540"/>
                <a:gd name="connsiteY4" fmla="*/ 3136 h 357350"/>
                <a:gd name="connsiteX0" fmla="*/ 0 w 5244628"/>
                <a:gd name="connsiteY0" fmla="*/ 3136 h 357350"/>
                <a:gd name="connsiteX1" fmla="*/ 5244628 w 5244628"/>
                <a:gd name="connsiteY1" fmla="*/ 0 h 357350"/>
                <a:gd name="connsiteX2" fmla="*/ 4768352 w 5244628"/>
                <a:gd name="connsiteY2" fmla="*/ 357350 h 357350"/>
                <a:gd name="connsiteX3" fmla="*/ 443144 w 5244628"/>
                <a:gd name="connsiteY3" fmla="*/ 353194 h 357350"/>
                <a:gd name="connsiteX4" fmla="*/ 0 w 5244628"/>
                <a:gd name="connsiteY4" fmla="*/ 3136 h 357350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774041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809005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250317" h="357408">
                  <a:moveTo>
                    <a:pt x="0" y="0"/>
                  </a:moveTo>
                  <a:lnTo>
                    <a:pt x="5250317" y="58"/>
                  </a:lnTo>
                  <a:lnTo>
                    <a:pt x="4809005" y="357408"/>
                  </a:lnTo>
                  <a:lnTo>
                    <a:pt x="448833" y="353252"/>
                  </a:lnTo>
                  <a:lnTo>
                    <a:pt x="0" y="0"/>
                  </a:lnTo>
                  <a:close/>
                </a:path>
              </a:pathLst>
            </a:custGeom>
            <a:gradFill flip="none" rotWithShape="1">
              <a:gsLst>
                <a:gs pos="0">
                  <a:srgbClr val="005392"/>
                </a:gs>
                <a:gs pos="31000">
                  <a:srgbClr val="0070C0"/>
                </a:gs>
                <a:gs pos="46104">
                  <a:srgbClr val="0171C0"/>
                </a:gs>
                <a:gs pos="63000">
                  <a:srgbClr val="0674C3"/>
                </a:gs>
                <a:gs pos="100000">
                  <a:srgbClr val="005392"/>
                </a:gs>
              </a:gsLst>
              <a:path path="circle">
                <a:fillToRect l="100000" b="100000"/>
              </a:path>
              <a:tileRect t="-100000" r="-100000"/>
            </a:gra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  <p:sp>
          <p:nvSpPr>
            <p:cNvPr id="49" name="TextBox 48">
              <a:extLst>
                <a:ext uri="{FF2B5EF4-FFF2-40B4-BE49-F238E27FC236}">
                  <a16:creationId xmlns:a16="http://schemas.microsoft.com/office/drawing/2014/main" id="{2E21E732-4B0A-47C4-AE1E-51C8F86DC15A}"/>
                </a:ext>
              </a:extLst>
            </p:cNvPr>
            <p:cNvSpPr txBox="1"/>
            <p:nvPr/>
          </p:nvSpPr>
          <p:spPr>
            <a:xfrm>
              <a:off x="3594093" y="-27055"/>
              <a:ext cx="4958362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endParaRPr lang="en-US" sz="2000" dirty="0">
                <a:solidFill>
                  <a:schemeClr val="bg1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9090675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6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1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2000"/>
                            </p:stCondLst>
                            <p:childTnLst>
                              <p:par>
                                <p:cTn id="37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0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3000"/>
                            </p:stCondLst>
                            <p:childTnLst>
                              <p:par>
                                <p:cTn id="43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6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4000"/>
                            </p:stCondLst>
                            <p:childTnLst>
                              <p:par>
                                <p:cTn id="49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2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0"/>
                            </p:stCondLst>
                            <p:childTnLst>
                              <p:par>
                                <p:cTn id="55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8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9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6000"/>
                            </p:stCondLst>
                            <p:childTnLst>
                              <p:par>
                                <p:cTn id="61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4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5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uiExpand="1" build="p"/>
      <p:bldP spid="2" grpId="0"/>
      <p:bldP spid="24" grpId="0"/>
      <p:bldP spid="25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9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Placeholder 6">
            <a:extLst>
              <a:ext uri="{FF2B5EF4-FFF2-40B4-BE49-F238E27FC236}">
                <a16:creationId xmlns:a16="http://schemas.microsoft.com/office/drawing/2014/main" id="{C2588E4F-3AED-4D40-A827-43825BF0FAF8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2496456" y="3534549"/>
            <a:ext cx="7199088" cy="645566"/>
          </a:xfrm>
        </p:spPr>
        <p:txBody>
          <a:bodyPr/>
          <a:lstStyle/>
          <a:p>
            <a:r>
              <a:rPr lang="id-ID" sz="3200" dirty="0">
                <a:latin typeface="Arial Narrow" panose="020B0606020202030204" pitchFamily="34" charset="0"/>
              </a:rPr>
              <a:t>HAMDAN HUSEIN BATUBARA, M.Pd.I.</a:t>
            </a:r>
            <a:endParaRPr lang="en-US" sz="3200" dirty="0">
              <a:latin typeface="Arial Narrow" panose="020B0606020202030204" pitchFamily="34" charset="0"/>
            </a:endParaRPr>
          </a:p>
        </p:txBody>
      </p:sp>
      <p:sp>
        <p:nvSpPr>
          <p:cNvPr id="13" name="Text Placeholder 12">
            <a:extLst>
              <a:ext uri="{FF2B5EF4-FFF2-40B4-BE49-F238E27FC236}">
                <a16:creationId xmlns:a16="http://schemas.microsoft.com/office/drawing/2014/main" id="{D584B4D3-ECBB-4697-8A9E-A7E85DB8BFE2}"/>
              </a:ext>
            </a:extLst>
          </p:cNvPr>
          <p:cNvSpPr>
            <a:spLocks noGrp="1"/>
          </p:cNvSpPr>
          <p:nvPr>
            <p:ph type="body" sz="quarter" idx="14"/>
          </p:nvPr>
        </p:nvSpPr>
        <p:spPr>
          <a:xfrm>
            <a:off x="2323375" y="4103385"/>
            <a:ext cx="7545250" cy="317658"/>
          </a:xfrm>
        </p:spPr>
        <p:txBody>
          <a:bodyPr>
            <a:noAutofit/>
          </a:bodyPr>
          <a:lstStyle/>
          <a:p>
            <a:r>
              <a:rPr lang="fi-FI" b="1" dirty="0"/>
              <a:t>D</a:t>
            </a:r>
            <a:r>
              <a:rPr lang="id-ID" b="1" dirty="0"/>
              <a:t>osen UIN Walisongo Semarang</a:t>
            </a:r>
            <a:endParaRPr lang="fi-FI" dirty="0" err="1"/>
          </a:p>
        </p:txBody>
      </p:sp>
      <p:pic>
        <p:nvPicPr>
          <p:cNvPr id="20" name="Picture Placeholder 19">
            <a:extLst>
              <a:ext uri="{FF2B5EF4-FFF2-40B4-BE49-F238E27FC236}">
                <a16:creationId xmlns:a16="http://schemas.microsoft.com/office/drawing/2014/main" id="{6E5F0CE3-6282-49E2-8239-CB2480D5889E}"/>
              </a:ext>
            </a:extLst>
          </p:cNvPr>
          <p:cNvPicPr>
            <a:picLocks noGrp="1" noChangeAspect="1"/>
          </p:cNvPicPr>
          <p:nvPr>
            <p:ph type="pic" sz="quarter" idx="15"/>
          </p:nvPr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rcRect/>
          <a:stretch/>
        </p:blipFill>
        <p:spPr>
          <a:xfrm>
            <a:off x="2288459" y="5016631"/>
            <a:ext cx="692866" cy="692866"/>
          </a:xfrm>
        </p:spPr>
      </p:pic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11190166-A0D3-4B6D-BD00-F55A6C3E50AA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1283387" y="5657223"/>
            <a:ext cx="3057501" cy="723482"/>
          </a:xfrm>
        </p:spPr>
        <p:txBody>
          <a:bodyPr>
            <a:noAutofit/>
          </a:bodyPr>
          <a:lstStyle/>
          <a:p>
            <a:pPr>
              <a:lnSpc>
                <a:spcPct val="100000"/>
              </a:lnSpc>
            </a:pPr>
            <a:r>
              <a:rPr lang="en-US" dirty="0" err="1"/>
              <a:t>Perumahan</a:t>
            </a:r>
            <a:r>
              <a:rPr lang="en-US" dirty="0"/>
              <a:t> </a:t>
            </a:r>
            <a:r>
              <a:rPr lang="id-ID" dirty="0"/>
              <a:t>Bukit Mandiri Beringin</a:t>
            </a:r>
            <a:r>
              <a:rPr lang="en-US" dirty="0"/>
              <a:t>, </a:t>
            </a:r>
            <a:r>
              <a:rPr lang="id-ID" dirty="0"/>
              <a:t>Ngaliyan, Semarang</a:t>
            </a:r>
            <a:endParaRPr lang="en-US" dirty="0"/>
          </a:p>
        </p:txBody>
      </p:sp>
      <p:pic>
        <p:nvPicPr>
          <p:cNvPr id="22" name="Picture Placeholder 21">
            <a:extLst>
              <a:ext uri="{FF2B5EF4-FFF2-40B4-BE49-F238E27FC236}">
                <a16:creationId xmlns:a16="http://schemas.microsoft.com/office/drawing/2014/main" id="{F7CB7D01-35F0-4DA4-9DA5-BAD050993C12}"/>
              </a:ext>
            </a:extLst>
          </p:cNvPr>
          <p:cNvPicPr>
            <a:picLocks noGrp="1" noChangeAspect="1"/>
          </p:cNvPicPr>
          <p:nvPr>
            <p:ph type="pic" sz="quarter" idx="17"/>
          </p:nvPr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5954722" y="5016631"/>
            <a:ext cx="692866" cy="692866"/>
          </a:xfrm>
        </p:spPr>
      </p:pic>
      <p:sp>
        <p:nvSpPr>
          <p:cNvPr id="12" name="Text Placeholder 11">
            <a:extLst>
              <a:ext uri="{FF2B5EF4-FFF2-40B4-BE49-F238E27FC236}">
                <a16:creationId xmlns:a16="http://schemas.microsoft.com/office/drawing/2014/main" id="{F9D981EA-9E0F-41A0-972E-3A850EF30E93}"/>
              </a:ext>
            </a:extLst>
          </p:cNvPr>
          <p:cNvSpPr>
            <a:spLocks noGrp="1"/>
          </p:cNvSpPr>
          <p:nvPr>
            <p:ph type="body" sz="quarter" idx="18"/>
          </p:nvPr>
        </p:nvSpPr>
        <p:spPr>
          <a:xfrm>
            <a:off x="4684209" y="5895895"/>
            <a:ext cx="3233892" cy="374278"/>
          </a:xfrm>
        </p:spPr>
        <p:txBody>
          <a:bodyPr>
            <a:noAutofit/>
          </a:bodyPr>
          <a:lstStyle/>
          <a:p>
            <a:r>
              <a:rPr lang="id-ID" dirty="0"/>
              <a:t>huseinbatubara@gmail.com</a:t>
            </a:r>
            <a:endParaRPr lang="en-ID" dirty="0"/>
          </a:p>
        </p:txBody>
      </p:sp>
      <p:pic>
        <p:nvPicPr>
          <p:cNvPr id="24" name="Picture Placeholder 23">
            <a:extLst>
              <a:ext uri="{FF2B5EF4-FFF2-40B4-BE49-F238E27FC236}">
                <a16:creationId xmlns:a16="http://schemas.microsoft.com/office/drawing/2014/main" id="{C83AB2DC-7E10-4A4D-BDB0-E9F8327AFA5E}"/>
              </a:ext>
            </a:extLst>
          </p:cNvPr>
          <p:cNvPicPr>
            <a:picLocks noGrp="1" noChangeAspect="1"/>
          </p:cNvPicPr>
          <p:nvPr>
            <p:ph type="pic" sz="quarter" idx="19"/>
          </p:nvPr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/>
        </p:blipFill>
        <p:spPr>
          <a:xfrm>
            <a:off x="9210675" y="5016631"/>
            <a:ext cx="692866" cy="692866"/>
          </a:xfrm>
        </p:spPr>
      </p:pic>
      <p:sp>
        <p:nvSpPr>
          <p:cNvPr id="14" name="Text Placeholder 13">
            <a:extLst>
              <a:ext uri="{FF2B5EF4-FFF2-40B4-BE49-F238E27FC236}">
                <a16:creationId xmlns:a16="http://schemas.microsoft.com/office/drawing/2014/main" id="{E9AA97D4-82FC-4430-B199-D4B6425FE070}"/>
              </a:ext>
            </a:extLst>
          </p:cNvPr>
          <p:cNvSpPr>
            <a:spLocks noGrp="1"/>
          </p:cNvSpPr>
          <p:nvPr>
            <p:ph type="body" sz="quarter" idx="20"/>
          </p:nvPr>
        </p:nvSpPr>
        <p:spPr>
          <a:xfrm>
            <a:off x="8185508" y="5895895"/>
            <a:ext cx="2743200" cy="317658"/>
          </a:xfrm>
        </p:spPr>
        <p:txBody>
          <a:bodyPr>
            <a:noAutofit/>
          </a:bodyPr>
          <a:lstStyle/>
          <a:p>
            <a:r>
              <a:rPr lang="id-ID" dirty="0"/>
              <a:t>082272641489</a:t>
            </a:r>
            <a:endParaRPr lang="en-ID" dirty="0"/>
          </a:p>
        </p:txBody>
      </p:sp>
      <p:pic>
        <p:nvPicPr>
          <p:cNvPr id="29" name="Picture Placeholder 28">
            <a:extLst>
              <a:ext uri="{FF2B5EF4-FFF2-40B4-BE49-F238E27FC236}">
                <a16:creationId xmlns:a16="http://schemas.microsoft.com/office/drawing/2014/main" id="{2D623F08-C252-454A-9002-B36AD9EE8E1C}"/>
              </a:ext>
            </a:extLst>
          </p:cNvPr>
          <p:cNvPicPr>
            <a:picLocks noGrp="1" noChangeAspect="1"/>
          </p:cNvPicPr>
          <p:nvPr>
            <p:ph type="pic" sz="quarter" idx="11"/>
          </p:nvPr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044273" y="1107339"/>
            <a:ext cx="2080008" cy="2078294"/>
          </a:xfrm>
        </p:spPr>
      </p:pic>
    </p:spTree>
    <p:extLst>
      <p:ext uri="{BB962C8B-B14F-4D97-AF65-F5344CB8AC3E}">
        <p14:creationId xmlns:p14="http://schemas.microsoft.com/office/powerpoint/2010/main" val="37105163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1">
            <a:extLst>
              <a:ext uri="{FF2B5EF4-FFF2-40B4-BE49-F238E27FC236}">
                <a16:creationId xmlns:a16="http://schemas.microsoft.com/office/drawing/2014/main" id="{069860A9-F8BB-4226-84DC-E32E94365F83}"/>
              </a:ext>
            </a:extLst>
          </p:cNvPr>
          <p:cNvSpPr txBox="1">
            <a:spLocks/>
          </p:cNvSpPr>
          <p:nvPr/>
        </p:nvSpPr>
        <p:spPr>
          <a:xfrm>
            <a:off x="3191543" y="611660"/>
            <a:ext cx="5808914" cy="6667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rm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 eaLnBrk="1" hangingPunct="1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300"/>
              <a:buFont typeface="Libre Franklin Medium"/>
              <a:buNone/>
              <a:defRPr sz="3300" b="0" i="0" u="none" strike="noStrike" cap="none">
                <a:solidFill>
                  <a:schemeClr val="dk1"/>
                </a:solidFill>
                <a:latin typeface="Libre Franklin Medium"/>
                <a:ea typeface="Libre Franklin Medium"/>
                <a:cs typeface="Libre Franklin Medium"/>
                <a:sym typeface="Libre Franklin Medium"/>
              </a:defRPr>
            </a:lvl1pPr>
            <a:lvl2pPr marR="0" lvl="1" algn="l" rtl="0" ea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 ea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 ea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 ea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 ea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 ea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 ea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 ea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algn="ctr"/>
            <a:r>
              <a:rPr lang="id-ID" sz="3600" b="1" dirty="0">
                <a:solidFill>
                  <a:schemeClr val="tx1"/>
                </a:solidFill>
                <a:latin typeface="+mj-lt"/>
              </a:rPr>
              <a:t>Daftar Isi</a:t>
            </a:r>
          </a:p>
        </p:txBody>
      </p:sp>
      <mc:AlternateContent xmlns:mc="http://schemas.openxmlformats.org/markup-compatibility/2006">
        <mc:Choice xmlns:psuz="http://schemas.microsoft.com/office/powerpoint/2016/summaryzoom" Requires="psuz">
          <p:graphicFrame>
            <p:nvGraphicFramePr>
              <p:cNvPr id="17" name="Summary Zoom 16">
                <a:extLst>
                  <a:ext uri="{FF2B5EF4-FFF2-40B4-BE49-F238E27FC236}">
                    <a16:creationId xmlns:a16="http://schemas.microsoft.com/office/drawing/2014/main" id="{52A07951-E07D-419C-A528-C6BD0990B4BD}"/>
                  </a:ext>
                </a:extLst>
              </p:cNvPr>
              <p:cNvGraphicFramePr>
                <a:graphicFrameLocks noChangeAspect="1"/>
              </p:cNvGraphicFramePr>
              <p:nvPr>
                <p:extLst>
                  <p:ext uri="{D42A27DB-BD31-4B8C-83A1-F6EECF244321}">
                    <p14:modId xmlns:p14="http://schemas.microsoft.com/office/powerpoint/2010/main" val="425485499"/>
                  </p:ext>
                </p:extLst>
              </p:nvPr>
            </p:nvGraphicFramePr>
            <p:xfrm>
              <a:off x="294456" y="1209368"/>
              <a:ext cx="12094343" cy="5004619"/>
            </p:xfrm>
            <a:graphic>
              <a:graphicData uri="http://schemas.microsoft.com/office/powerpoint/2016/summaryzoom">
                <psuz:summaryZm>
                  <psuz:summaryZmObj sectionId="{8F7E7DD0-E300-4B64-9855-12ED0A4B1390}">
                    <psuz:zmPr id="{6294D171-1B88-4CF7-A7F2-B7792B3061FE}" transitionDur="1000">
                      <p166:blipFill xmlns:p166="http://schemas.microsoft.com/office/powerpoint/2016/6/main">
                        <a:blip r:embed="rId3"/>
                        <a:stretch>
                          <a:fillRect/>
                        </a:stretch>
                      </p166:blipFill>
                      <p166:spPr xmlns:p166="http://schemas.microsoft.com/office/powerpoint/2016/6/main">
                        <a:xfrm>
                          <a:off x="468657" y="393360"/>
                          <a:ext cx="3628302" cy="2040919"/>
                        </a:xfrm>
                        <a:prstGeom prst="rect">
                          <a:avLst/>
                        </a:prstGeom>
                        <a:ln w="3175">
                          <a:solidFill>
                            <a:prstClr val="ltGray"/>
                          </a:solidFill>
                        </a:ln>
                      </p166:spPr>
                    </psuz:zmPr>
                  </psuz:summaryZmObj>
                  <psuz:summaryZmObj sectionId="{C2855068-C677-45EF-872C-B5770F5A84E3}">
                    <psuz:zmPr id="{D849D243-7CB8-4F0C-A31E-480AA2F642CA}" transitionDur="1000">
                      <p166:blipFill xmlns:p166="http://schemas.microsoft.com/office/powerpoint/2016/6/main">
                        <a:blip r:embed="rId4"/>
                        <a:stretch>
                          <a:fillRect/>
                        </a:stretch>
                      </p166:blipFill>
                      <p166:spPr xmlns:p166="http://schemas.microsoft.com/office/powerpoint/2016/6/main">
                        <a:xfrm>
                          <a:off x="4233020" y="393360"/>
                          <a:ext cx="3628302" cy="2040919"/>
                        </a:xfrm>
                        <a:prstGeom prst="rect">
                          <a:avLst/>
                        </a:prstGeom>
                        <a:ln w="3175">
                          <a:solidFill>
                            <a:prstClr val="ltGray"/>
                          </a:solidFill>
                        </a:ln>
                      </p166:spPr>
                    </psuz:zmPr>
                  </psuz:summaryZmObj>
                  <psuz:summaryZmObj sectionId="{545842D7-2B31-4933-93F4-E9A31B9501A4}">
                    <psuz:zmPr id="{4701C0C0-5C54-4673-81E1-ADBD075C03E0}" transitionDur="1000">
                      <p166:blipFill xmlns:p166="http://schemas.microsoft.com/office/powerpoint/2016/6/main">
                        <a:blip r:embed="rId5"/>
                        <a:stretch>
                          <a:fillRect/>
                        </a:stretch>
                      </p166:blipFill>
                      <p166:spPr xmlns:p166="http://schemas.microsoft.com/office/powerpoint/2016/6/main">
                        <a:xfrm>
                          <a:off x="7997383" y="393360"/>
                          <a:ext cx="3628302" cy="2040919"/>
                        </a:xfrm>
                        <a:prstGeom prst="rect">
                          <a:avLst/>
                        </a:prstGeom>
                        <a:ln w="3175">
                          <a:solidFill>
                            <a:prstClr val="ltGray"/>
                          </a:solidFill>
                        </a:ln>
                      </p166:spPr>
                    </psuz:zmPr>
                  </psuz:summaryZmObj>
                  <psuz:summaryZmObj sectionId="{35FF4163-62D3-4296-9276-EFC30FC7129F}">
                    <psuz:zmPr id="{EF386591-8EC5-46A9-A43F-751DA96FC738}" transitionDur="1000">
                      <p166:blipFill xmlns:p166="http://schemas.microsoft.com/office/powerpoint/2016/6/main">
                        <a:blip r:embed="rId6"/>
                        <a:stretch>
                          <a:fillRect/>
                        </a:stretch>
                      </p166:blipFill>
                      <p166:spPr xmlns:p166="http://schemas.microsoft.com/office/powerpoint/2016/6/main">
                        <a:xfrm>
                          <a:off x="468657" y="2570340"/>
                          <a:ext cx="3628302" cy="2040919"/>
                        </a:xfrm>
                        <a:prstGeom prst="rect">
                          <a:avLst/>
                        </a:prstGeom>
                        <a:ln w="3175">
                          <a:solidFill>
                            <a:prstClr val="ltGray"/>
                          </a:solidFill>
                        </a:ln>
                      </p166:spPr>
                    </psuz:zmPr>
                  </psuz:summaryZmObj>
                  <psuz:summaryZmObj sectionId="{46FB9CF3-5D60-481E-AB82-70CE03CB4051}">
                    <psuz:zmPr id="{7E6363E7-EDB6-4632-AD0A-E2DBEA5D7B54}" transitionDur="1000">
                      <p166:blipFill xmlns:p166="http://schemas.microsoft.com/office/powerpoint/2016/6/main">
                        <a:blip r:embed="rId7"/>
                        <a:stretch>
                          <a:fillRect/>
                        </a:stretch>
                      </p166:blipFill>
                      <p166:spPr xmlns:p166="http://schemas.microsoft.com/office/powerpoint/2016/6/main">
                        <a:xfrm>
                          <a:off x="4233020" y="2570340"/>
                          <a:ext cx="3628302" cy="2040919"/>
                        </a:xfrm>
                        <a:prstGeom prst="rect">
                          <a:avLst/>
                        </a:prstGeom>
                        <a:ln w="3175">
                          <a:solidFill>
                            <a:prstClr val="ltGray"/>
                          </a:solidFill>
                        </a:ln>
                      </p166:spPr>
                    </psuz:zmPr>
                  </psuz:summaryZmObj>
                  <psuz:summaryZmObj sectionId="{8CA9A916-1429-4D9C-9BF7-61E820A6CD8B}">
                    <psuz:zmPr id="{930407CE-7054-4280-BEF7-83E6E0E8E173}" transitionDur="1000">
                      <p166:blipFill xmlns:p166="http://schemas.microsoft.com/office/powerpoint/2016/6/main">
                        <a:blip r:embed="rId8"/>
                        <a:stretch>
                          <a:fillRect/>
                        </a:stretch>
                      </p166:blipFill>
                      <p166:spPr xmlns:p166="http://schemas.microsoft.com/office/powerpoint/2016/6/main">
                        <a:xfrm>
                          <a:off x="7997383" y="2570340"/>
                          <a:ext cx="3628302" cy="2040919"/>
                        </a:xfrm>
                        <a:prstGeom prst="rect">
                          <a:avLst/>
                        </a:prstGeom>
                        <a:ln w="3175">
                          <a:solidFill>
                            <a:prstClr val="ltGray"/>
                          </a:solidFill>
                        </a:ln>
                      </p166:spPr>
                    </psuz:zmPr>
                  </psuz:summaryZmObj>
                  <psuz:gridLayout/>
                </psuz:summaryZm>
              </a:graphicData>
            </a:graphic>
          </p:graphicFrame>
        </mc:Choice>
        <mc:Fallback>
          <p:grpSp>
            <p:nvGrpSpPr>
              <p:cNvPr id="17" name="Summary Zoom 16">
                <a:extLst>
                  <a:ext uri="{FF2B5EF4-FFF2-40B4-BE49-F238E27FC236}">
                    <a16:creationId xmlns:a16="http://schemas.microsoft.com/office/drawing/2014/main" id="{52A07951-E07D-419C-A528-C6BD0990B4BD}"/>
                  </a:ext>
                </a:extLst>
              </p:cNvPr>
              <p:cNvGrpSpPr>
                <a:grpSpLocks noGrp="1" noUngrp="1" noRot="1" noChangeAspect="1" noMove="1" noResize="1"/>
              </p:cNvGrpSpPr>
              <p:nvPr/>
            </p:nvGrpSpPr>
            <p:grpSpPr>
              <a:xfrm>
                <a:off x="294456" y="1209368"/>
                <a:ext cx="12094343" cy="5004619"/>
                <a:chOff x="294456" y="1209368"/>
                <a:chExt cx="12094343" cy="5004619"/>
              </a:xfrm>
            </p:grpSpPr>
            <p:pic>
              <p:nvPicPr>
                <p:cNvPr id="2" name="Picture 2">
                  <a:hlinkClick r:id="rId9" action="ppaction://hlinksldjump"/>
                </p:cNvPr>
                <p:cNvPicPr>
                  <a:picLocks noSelect="1" noRot="1" noChangeAspect="1" noMove="1" noResize="1" noEditPoints="1" noAdjustHandles="1" noChangeArrowheads="1" noChangeShapeType="1"/>
                </p:cNvPicPr>
                <p:nvPr/>
              </p:nvPicPr>
              <p:blipFill>
                <a:blip r:embed="rId3"/>
                <a:stretch>
                  <a:fillRect/>
                </a:stretch>
              </p:blipFill>
              <p:spPr>
                <a:xfrm>
                  <a:off x="763113" y="1602728"/>
                  <a:ext cx="3628302" cy="2040919"/>
                </a:xfrm>
                <a:prstGeom prst="rect">
                  <a:avLst/>
                </a:prstGeom>
                <a:ln w="3175">
                  <a:solidFill>
                    <a:prstClr val="ltGray"/>
                  </a:solidFill>
                </a:ln>
              </p:spPr>
            </p:pic>
            <p:pic>
              <p:nvPicPr>
                <p:cNvPr id="3" name="Picture 3">
                  <a:hlinkClick r:id="rId10" action="ppaction://hlinksldjump"/>
                </p:cNvPr>
                <p:cNvPicPr>
                  <a:picLocks noSelect="1" noRot="1" noChangeAspect="1" noMove="1" noResize="1" noEditPoints="1" noAdjustHandles="1" noChangeArrowheads="1" noChangeShapeType="1"/>
                </p:cNvPicPr>
                <p:nvPr/>
              </p:nvPicPr>
              <p:blipFill>
                <a:blip r:embed="rId4"/>
                <a:stretch>
                  <a:fillRect/>
                </a:stretch>
              </p:blipFill>
              <p:spPr>
                <a:xfrm>
                  <a:off x="4527476" y="1602728"/>
                  <a:ext cx="3628302" cy="2040919"/>
                </a:xfrm>
                <a:prstGeom prst="rect">
                  <a:avLst/>
                </a:prstGeom>
                <a:ln w="3175">
                  <a:solidFill>
                    <a:prstClr val="ltGray"/>
                  </a:solidFill>
                </a:ln>
              </p:spPr>
            </p:pic>
            <p:pic>
              <p:nvPicPr>
                <p:cNvPr id="4" name="Picture 4">
                  <a:hlinkClick r:id="rId11" action="ppaction://hlinksldjump"/>
                </p:cNvPr>
                <p:cNvPicPr>
                  <a:picLocks noSelect="1" noRot="1" noChangeAspect="1" noMove="1" noResize="1" noEditPoints="1" noAdjustHandles="1" noChangeArrowheads="1" noChangeShapeType="1"/>
                </p:cNvPicPr>
                <p:nvPr/>
              </p:nvPicPr>
              <p:blipFill>
                <a:blip r:embed="rId5"/>
                <a:stretch>
                  <a:fillRect/>
                </a:stretch>
              </p:blipFill>
              <p:spPr>
                <a:xfrm>
                  <a:off x="8291839" y="1602728"/>
                  <a:ext cx="3628302" cy="2040919"/>
                </a:xfrm>
                <a:prstGeom prst="rect">
                  <a:avLst/>
                </a:prstGeom>
                <a:ln w="3175">
                  <a:solidFill>
                    <a:prstClr val="ltGray"/>
                  </a:solidFill>
                </a:ln>
              </p:spPr>
            </p:pic>
            <p:pic>
              <p:nvPicPr>
                <p:cNvPr id="5" name="Picture 5">
                  <a:hlinkClick r:id="rId12" action="ppaction://hlinksldjump"/>
                </p:cNvPr>
                <p:cNvPicPr>
                  <a:picLocks noSelect="1" noRot="1" noChangeAspect="1" noMove="1" noResize="1" noEditPoints="1" noAdjustHandles="1" noChangeArrowheads="1" noChangeShapeType="1"/>
                </p:cNvPicPr>
                <p:nvPr/>
              </p:nvPicPr>
              <p:blipFill>
                <a:blip r:embed="rId6"/>
                <a:stretch>
                  <a:fillRect/>
                </a:stretch>
              </p:blipFill>
              <p:spPr>
                <a:xfrm>
                  <a:off x="763113" y="3779708"/>
                  <a:ext cx="3628302" cy="2040919"/>
                </a:xfrm>
                <a:prstGeom prst="rect">
                  <a:avLst/>
                </a:prstGeom>
                <a:ln w="3175">
                  <a:solidFill>
                    <a:prstClr val="ltGray"/>
                  </a:solidFill>
                </a:ln>
              </p:spPr>
            </p:pic>
            <p:pic>
              <p:nvPicPr>
                <p:cNvPr id="6" name="Picture 6">
                  <a:hlinkClick r:id="rId13" action="ppaction://hlinksldjump"/>
                </p:cNvPr>
                <p:cNvPicPr>
                  <a:picLocks noSelect="1" noRot="1" noChangeAspect="1" noMove="1" noResize="1" noEditPoints="1" noAdjustHandles="1" noChangeArrowheads="1" noChangeShapeType="1"/>
                </p:cNvPicPr>
                <p:nvPr/>
              </p:nvPicPr>
              <p:blipFill>
                <a:blip r:embed="rId7"/>
                <a:stretch>
                  <a:fillRect/>
                </a:stretch>
              </p:blipFill>
              <p:spPr>
                <a:xfrm>
                  <a:off x="4527476" y="3779708"/>
                  <a:ext cx="3628302" cy="2040919"/>
                </a:xfrm>
                <a:prstGeom prst="rect">
                  <a:avLst/>
                </a:prstGeom>
                <a:ln w="3175">
                  <a:solidFill>
                    <a:prstClr val="ltGray"/>
                  </a:solidFill>
                </a:ln>
              </p:spPr>
            </p:pic>
            <p:pic>
              <p:nvPicPr>
                <p:cNvPr id="7" name="Picture 7">
                  <a:hlinkClick r:id="rId14" action="ppaction://hlinksldjump"/>
                </p:cNvPr>
                <p:cNvPicPr>
                  <a:picLocks noSelect="1" noRot="1" noChangeAspect="1" noMove="1" noResize="1" noEditPoints="1" noAdjustHandles="1" noChangeArrowheads="1" noChangeShapeType="1"/>
                </p:cNvPicPr>
                <p:nvPr/>
              </p:nvPicPr>
              <p:blipFill>
                <a:blip r:embed="rId8"/>
                <a:stretch>
                  <a:fillRect/>
                </a:stretch>
              </p:blipFill>
              <p:spPr>
                <a:xfrm>
                  <a:off x="8291839" y="3779708"/>
                  <a:ext cx="3628302" cy="2040919"/>
                </a:xfrm>
                <a:prstGeom prst="rect">
                  <a:avLst/>
                </a:prstGeom>
                <a:ln w="3175">
                  <a:solidFill>
                    <a:prstClr val="ltGray"/>
                  </a:solidFill>
                </a:ln>
              </p:spPr>
            </p:pic>
          </p:grpSp>
        </mc:Fallback>
      </mc:AlternateContent>
      <mc:AlternateContent xmlns:mc="http://schemas.openxmlformats.org/markup-compatibility/2006" xmlns:pslz="http://schemas.microsoft.com/office/powerpoint/2016/slidezoom">
        <mc:Choice Requires="pslz">
          <p:graphicFrame>
            <p:nvGraphicFramePr>
              <p:cNvPr id="25" name="Slide Zoom 24">
                <a:extLst>
                  <a:ext uri="{FF2B5EF4-FFF2-40B4-BE49-F238E27FC236}">
                    <a16:creationId xmlns:a16="http://schemas.microsoft.com/office/drawing/2014/main" id="{578D7586-FDB0-433E-8662-304A42B17AD5}"/>
                  </a:ext>
                </a:extLst>
              </p:cNvPr>
              <p:cNvGraphicFramePr>
                <a:graphicFrameLocks noChangeAspect="1"/>
              </p:cNvGraphicFramePr>
              <p:nvPr>
                <p:extLst>
                  <p:ext uri="{D42A27DB-BD31-4B8C-83A1-F6EECF244321}">
                    <p14:modId xmlns:p14="http://schemas.microsoft.com/office/powerpoint/2010/main" val="1980552670"/>
                  </p:ext>
                </p:extLst>
              </p:nvPr>
            </p:nvGraphicFramePr>
            <p:xfrm>
              <a:off x="579864" y="418867"/>
              <a:ext cx="1951463" cy="1097699"/>
            </p:xfrm>
            <a:graphic>
              <a:graphicData uri="http://schemas.microsoft.com/office/powerpoint/2016/slidezoom">
                <pslz:sldZm>
                  <pslz:sldZmObj sldId="263" cId="3186377244">
                    <pslz:zmPr id="{04F3A7A2-CD5A-4F56-A108-F076C2D4639D}" returnToParent="0" imageType="cover" transitionDur="1000">
                      <p166:blipFill xmlns:p166="http://schemas.microsoft.com/office/powerpoint/2016/6/main">
                        <a:blip r:embed="rId15" cstate="print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tretch>
                          <a:fillRect/>
                        </a:stretch>
                      </p166:blipFill>
                      <p166:spPr xmlns:p166="http://schemas.microsoft.com/office/powerpoint/2016/6/main">
                        <a:xfrm>
                          <a:off x="0" y="0"/>
                          <a:ext cx="1951463" cy="1097699"/>
                        </a:xfrm>
                        <a:prstGeom prst="rect">
                          <a:avLst/>
                        </a:prstGeom>
                        <a:ln w="3175">
                          <a:solidFill>
                            <a:prstClr val="ltGray"/>
                          </a:solidFill>
                        </a:ln>
                      </p166:spPr>
                    </pslz:zmPr>
                  </pslz:sldZmObj>
                </pslz:sldZm>
              </a:graphicData>
            </a:graphic>
          </p:graphicFrame>
        </mc:Choice>
        <mc:Fallback xmlns="">
          <p:pic>
            <p:nvPicPr>
              <p:cNvPr id="25" name="Slide Zoom 24">
                <a:hlinkClick r:id="rId16" action="ppaction://hlinksldjump"/>
                <a:extLst>
                  <a:ext uri="{FF2B5EF4-FFF2-40B4-BE49-F238E27FC236}">
                    <a16:creationId xmlns:a16="http://schemas.microsoft.com/office/drawing/2014/main" id="{578D7586-FDB0-433E-8662-304A42B17AD5}"/>
                  </a:ext>
                </a:extLst>
              </p:cNvPr>
              <p:cNvPicPr>
                <a:picLocks noGrp="1" noRot="1" noChangeAspect="1" noMove="1" noResize="1" noEditPoints="1" noAdjustHandles="1" noChangeArrowheads="1" noChangeShapeType="1"/>
              </p:cNvPicPr>
              <p:nvPr/>
            </p:nvPicPr>
            <p:blipFill>
              <a:blip r:embed="rId17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579864" y="418867"/>
                <a:ext cx="1951463" cy="1097699"/>
              </a:xfrm>
              <a:prstGeom prst="rect">
                <a:avLst/>
              </a:prstGeom>
              <a:ln w="3175">
                <a:solidFill>
                  <a:prstClr val="ltGray"/>
                </a:solidFill>
              </a:ln>
            </p:spPr>
          </p:pic>
        </mc:Fallback>
      </mc:AlternateContent>
    </p:spTree>
    <p:extLst>
      <p:ext uri="{BB962C8B-B14F-4D97-AF65-F5344CB8AC3E}">
        <p14:creationId xmlns:p14="http://schemas.microsoft.com/office/powerpoint/2010/main" val="426700513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3" name="Group 52">
            <a:extLst>
              <a:ext uri="{FF2B5EF4-FFF2-40B4-BE49-F238E27FC236}">
                <a16:creationId xmlns:a16="http://schemas.microsoft.com/office/drawing/2014/main" id="{2680253E-6A8E-4817-8609-1DEAD473BEB4}"/>
              </a:ext>
            </a:extLst>
          </p:cNvPr>
          <p:cNvGrpSpPr/>
          <p:nvPr/>
        </p:nvGrpSpPr>
        <p:grpSpPr>
          <a:xfrm>
            <a:off x="593817" y="2736726"/>
            <a:ext cx="2547347" cy="2547347"/>
            <a:chOff x="615083" y="2209244"/>
            <a:chExt cx="2547347" cy="2547347"/>
          </a:xfrm>
        </p:grpSpPr>
        <p:sp>
          <p:nvSpPr>
            <p:cNvPr id="45" name="Rectangle 44">
              <a:extLst>
                <a:ext uri="{FF2B5EF4-FFF2-40B4-BE49-F238E27FC236}">
                  <a16:creationId xmlns:a16="http://schemas.microsoft.com/office/drawing/2014/main" id="{26A55D32-6588-4FFB-9B58-DBD88FC155F5}"/>
                </a:ext>
              </a:extLst>
            </p:cNvPr>
            <p:cNvSpPr/>
            <p:nvPr/>
          </p:nvSpPr>
          <p:spPr>
            <a:xfrm>
              <a:off x="615083" y="2209244"/>
              <a:ext cx="2547347" cy="2037878"/>
            </a:xfrm>
            <a:prstGeom prst="rect">
              <a:avLst/>
            </a:prstGeom>
            <a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 l="-2000" r="-2000"/>
              </a:stretch>
            </a:blipFill>
          </p:spPr>
          <p:style>
            <a:lnRef idx="1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1">
              <a:schemeClr val="accent4">
                <a:tint val="50000"/>
                <a:hueOff val="0"/>
                <a:satOff val="0"/>
                <a:lumOff val="0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46" name="Freeform: Shape 45">
              <a:extLst>
                <a:ext uri="{FF2B5EF4-FFF2-40B4-BE49-F238E27FC236}">
                  <a16:creationId xmlns:a16="http://schemas.microsoft.com/office/drawing/2014/main" id="{BE3FE054-1D5E-4969-809C-0E3D5B572E11}"/>
                </a:ext>
              </a:extLst>
            </p:cNvPr>
            <p:cNvSpPr/>
            <p:nvPr/>
          </p:nvSpPr>
          <p:spPr>
            <a:xfrm>
              <a:off x="844345" y="4043334"/>
              <a:ext cx="2267139" cy="713257"/>
            </a:xfrm>
            <a:custGeom>
              <a:avLst/>
              <a:gdLst>
                <a:gd name="connsiteX0" fmla="*/ 0 w 2267139"/>
                <a:gd name="connsiteY0" fmla="*/ 0 h 713257"/>
                <a:gd name="connsiteX1" fmla="*/ 1322498 w 2267139"/>
                <a:gd name="connsiteY1" fmla="*/ 0 h 713257"/>
                <a:gd name="connsiteX2" fmla="*/ 1592665 w 2267139"/>
                <a:gd name="connsiteY2" fmla="*/ -76318 h 713257"/>
                <a:gd name="connsiteX3" fmla="*/ 1889283 w 2267139"/>
                <a:gd name="connsiteY3" fmla="*/ 0 h 713257"/>
                <a:gd name="connsiteX4" fmla="*/ 2267139 w 2267139"/>
                <a:gd name="connsiteY4" fmla="*/ 0 h 713257"/>
                <a:gd name="connsiteX5" fmla="*/ 2267139 w 2267139"/>
                <a:gd name="connsiteY5" fmla="*/ 118876 h 713257"/>
                <a:gd name="connsiteX6" fmla="*/ 2267139 w 2267139"/>
                <a:gd name="connsiteY6" fmla="*/ 118876 h 713257"/>
                <a:gd name="connsiteX7" fmla="*/ 2267139 w 2267139"/>
                <a:gd name="connsiteY7" fmla="*/ 297190 h 713257"/>
                <a:gd name="connsiteX8" fmla="*/ 2267139 w 2267139"/>
                <a:gd name="connsiteY8" fmla="*/ 713257 h 713257"/>
                <a:gd name="connsiteX9" fmla="*/ 1889283 w 2267139"/>
                <a:gd name="connsiteY9" fmla="*/ 713257 h 713257"/>
                <a:gd name="connsiteX10" fmla="*/ 1322498 w 2267139"/>
                <a:gd name="connsiteY10" fmla="*/ 713257 h 713257"/>
                <a:gd name="connsiteX11" fmla="*/ 1322498 w 2267139"/>
                <a:gd name="connsiteY11" fmla="*/ 713257 h 713257"/>
                <a:gd name="connsiteX12" fmla="*/ 0 w 2267139"/>
                <a:gd name="connsiteY12" fmla="*/ 713257 h 713257"/>
                <a:gd name="connsiteX13" fmla="*/ 0 w 2267139"/>
                <a:gd name="connsiteY13" fmla="*/ 297190 h 713257"/>
                <a:gd name="connsiteX14" fmla="*/ 0 w 2267139"/>
                <a:gd name="connsiteY14" fmla="*/ 118876 h 713257"/>
                <a:gd name="connsiteX15" fmla="*/ 0 w 2267139"/>
                <a:gd name="connsiteY15" fmla="*/ 118876 h 713257"/>
                <a:gd name="connsiteX16" fmla="*/ 0 w 2267139"/>
                <a:gd name="connsiteY16" fmla="*/ 0 h 71325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2267139" h="713257">
                  <a:moveTo>
                    <a:pt x="0" y="0"/>
                  </a:moveTo>
                  <a:lnTo>
                    <a:pt x="1322498" y="0"/>
                  </a:lnTo>
                  <a:lnTo>
                    <a:pt x="1592665" y="-76318"/>
                  </a:lnTo>
                  <a:lnTo>
                    <a:pt x="1889283" y="0"/>
                  </a:lnTo>
                  <a:lnTo>
                    <a:pt x="2267139" y="0"/>
                  </a:lnTo>
                  <a:lnTo>
                    <a:pt x="2267139" y="118876"/>
                  </a:lnTo>
                  <a:lnTo>
                    <a:pt x="2267139" y="118876"/>
                  </a:lnTo>
                  <a:lnTo>
                    <a:pt x="2267139" y="297190"/>
                  </a:lnTo>
                  <a:lnTo>
                    <a:pt x="2267139" y="713257"/>
                  </a:lnTo>
                  <a:lnTo>
                    <a:pt x="1889283" y="713257"/>
                  </a:lnTo>
                  <a:lnTo>
                    <a:pt x="1322498" y="713257"/>
                  </a:lnTo>
                  <a:lnTo>
                    <a:pt x="1322498" y="713257"/>
                  </a:lnTo>
                  <a:lnTo>
                    <a:pt x="0" y="713257"/>
                  </a:lnTo>
                  <a:lnTo>
                    <a:pt x="0" y="297190"/>
                  </a:lnTo>
                  <a:lnTo>
                    <a:pt x="0" y="118876"/>
                  </a:lnTo>
                  <a:lnTo>
                    <a:pt x="0" y="118876"/>
                  </a:lnTo>
                  <a:lnTo>
                    <a:pt x="0" y="0"/>
                  </a:lnTo>
                  <a:close/>
                </a:path>
              </a:pathLst>
            </a:custGeom>
            <a:scene3d>
              <a:camera prst="orthographicFront"/>
              <a:lightRig rig="flat" dir="t"/>
            </a:scene3d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4">
                <a:hueOff val="0"/>
                <a:satOff val="0"/>
                <a:lumOff val="0"/>
                <a:alphaOff val="0"/>
              </a:schemeClr>
            </a:fillRef>
            <a:effectRef idx="1">
              <a:schemeClr val="accent4">
                <a:hueOff val="0"/>
                <a:satOff val="0"/>
                <a:lumOff val="0"/>
                <a:alphaOff val="0"/>
              </a:schemeClr>
            </a:effectRef>
            <a:fontRef idx="minor">
              <a:schemeClr val="dk1"/>
            </a:fontRef>
          </p:style>
          <p:txBody>
            <a:bodyPr spcFirstLastPara="0" vert="horz" wrap="square" lIns="91440" tIns="91440" rIns="91440" bIns="91440" numCol="1" spcCol="1270" anchor="ctr" anchorCtr="0">
              <a:noAutofit/>
            </a:bodyPr>
            <a:lstStyle/>
            <a:p>
              <a:pPr marL="0" lvl="0" indent="0" algn="ctr" defTabSz="10668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400" kern="1200" dirty="0">
                  <a:latin typeface="Arial Unicode MS" panose="020B0604020202020204" pitchFamily="34" charset="-128"/>
                  <a:ea typeface="Arial Unicode MS" panose="020B0604020202020204" pitchFamily="34" charset="-128"/>
                  <a:cs typeface="Arial Unicode MS" panose="020B0604020202020204" pitchFamily="34" charset="-128"/>
                </a:rPr>
                <a:t>H</a:t>
              </a:r>
              <a:r>
                <a:rPr lang="en-US" sz="2400" kern="1200" dirty="0" err="1">
                  <a:latin typeface="Arial Unicode MS" panose="020B0604020202020204" pitchFamily="34" charset="-128"/>
                  <a:ea typeface="Arial Unicode MS" panose="020B0604020202020204" pitchFamily="34" charset="-128"/>
                  <a:cs typeface="Arial Unicode MS" panose="020B0604020202020204" pitchFamily="34" charset="-128"/>
                </a:rPr>
                <a:t>ardware</a:t>
              </a:r>
              <a:endParaRPr lang="en-US" sz="2400" kern="1200" dirty="0"/>
            </a:p>
          </p:txBody>
        </p:sp>
      </p:grpSp>
      <p:grpSp>
        <p:nvGrpSpPr>
          <p:cNvPr id="54" name="Group 53">
            <a:extLst>
              <a:ext uri="{FF2B5EF4-FFF2-40B4-BE49-F238E27FC236}">
                <a16:creationId xmlns:a16="http://schemas.microsoft.com/office/drawing/2014/main" id="{D00F7477-6AA7-4016-839D-18DEF250EAF4}"/>
              </a:ext>
            </a:extLst>
          </p:cNvPr>
          <p:cNvGrpSpPr/>
          <p:nvPr/>
        </p:nvGrpSpPr>
        <p:grpSpPr>
          <a:xfrm>
            <a:off x="3395900" y="2736726"/>
            <a:ext cx="2547347" cy="2547347"/>
            <a:chOff x="3417166" y="2209244"/>
            <a:chExt cx="2547347" cy="2547347"/>
          </a:xfrm>
        </p:grpSpPr>
        <p:sp>
          <p:nvSpPr>
            <p:cNvPr id="47" name="Rectangle 46">
              <a:extLst>
                <a:ext uri="{FF2B5EF4-FFF2-40B4-BE49-F238E27FC236}">
                  <a16:creationId xmlns:a16="http://schemas.microsoft.com/office/drawing/2014/main" id="{CD058260-85A6-4005-9E5D-E0853FF048AB}"/>
                </a:ext>
              </a:extLst>
            </p:cNvPr>
            <p:cNvSpPr/>
            <p:nvPr/>
          </p:nvSpPr>
          <p:spPr>
            <a:xfrm>
              <a:off x="3417166" y="2209244"/>
              <a:ext cx="2547347" cy="2037878"/>
            </a:xfrm>
            <a:prstGeom prst="rect">
              <a:avLst/>
            </a:prstGeom>
            <a:blipFill rotWithShape="1"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 l="-3000" r="-3000"/>
              </a:stretch>
            </a:blipFill>
          </p:spPr>
          <p:style>
            <a:lnRef idx="1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1">
              <a:schemeClr val="accent4">
                <a:tint val="50000"/>
                <a:hueOff val="3833301"/>
                <a:satOff val="-21016"/>
                <a:lumOff val="2271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48" name="Freeform: Shape 47">
              <a:extLst>
                <a:ext uri="{FF2B5EF4-FFF2-40B4-BE49-F238E27FC236}">
                  <a16:creationId xmlns:a16="http://schemas.microsoft.com/office/drawing/2014/main" id="{B4091E96-2A99-441F-AC11-4891DC41BCC1}"/>
                </a:ext>
              </a:extLst>
            </p:cNvPr>
            <p:cNvSpPr/>
            <p:nvPr/>
          </p:nvSpPr>
          <p:spPr>
            <a:xfrm>
              <a:off x="3646427" y="4043334"/>
              <a:ext cx="2267139" cy="713257"/>
            </a:xfrm>
            <a:custGeom>
              <a:avLst/>
              <a:gdLst>
                <a:gd name="connsiteX0" fmla="*/ 0 w 2267139"/>
                <a:gd name="connsiteY0" fmla="*/ 0 h 713257"/>
                <a:gd name="connsiteX1" fmla="*/ 1322498 w 2267139"/>
                <a:gd name="connsiteY1" fmla="*/ 0 h 713257"/>
                <a:gd name="connsiteX2" fmla="*/ 1592665 w 2267139"/>
                <a:gd name="connsiteY2" fmla="*/ -76318 h 713257"/>
                <a:gd name="connsiteX3" fmla="*/ 1889283 w 2267139"/>
                <a:gd name="connsiteY3" fmla="*/ 0 h 713257"/>
                <a:gd name="connsiteX4" fmla="*/ 2267139 w 2267139"/>
                <a:gd name="connsiteY4" fmla="*/ 0 h 713257"/>
                <a:gd name="connsiteX5" fmla="*/ 2267139 w 2267139"/>
                <a:gd name="connsiteY5" fmla="*/ 118876 h 713257"/>
                <a:gd name="connsiteX6" fmla="*/ 2267139 w 2267139"/>
                <a:gd name="connsiteY6" fmla="*/ 118876 h 713257"/>
                <a:gd name="connsiteX7" fmla="*/ 2267139 w 2267139"/>
                <a:gd name="connsiteY7" fmla="*/ 297190 h 713257"/>
                <a:gd name="connsiteX8" fmla="*/ 2267139 w 2267139"/>
                <a:gd name="connsiteY8" fmla="*/ 713257 h 713257"/>
                <a:gd name="connsiteX9" fmla="*/ 1889283 w 2267139"/>
                <a:gd name="connsiteY9" fmla="*/ 713257 h 713257"/>
                <a:gd name="connsiteX10" fmla="*/ 1322498 w 2267139"/>
                <a:gd name="connsiteY10" fmla="*/ 713257 h 713257"/>
                <a:gd name="connsiteX11" fmla="*/ 1322498 w 2267139"/>
                <a:gd name="connsiteY11" fmla="*/ 713257 h 713257"/>
                <a:gd name="connsiteX12" fmla="*/ 0 w 2267139"/>
                <a:gd name="connsiteY12" fmla="*/ 713257 h 713257"/>
                <a:gd name="connsiteX13" fmla="*/ 0 w 2267139"/>
                <a:gd name="connsiteY13" fmla="*/ 297190 h 713257"/>
                <a:gd name="connsiteX14" fmla="*/ 0 w 2267139"/>
                <a:gd name="connsiteY14" fmla="*/ 118876 h 713257"/>
                <a:gd name="connsiteX15" fmla="*/ 0 w 2267139"/>
                <a:gd name="connsiteY15" fmla="*/ 118876 h 713257"/>
                <a:gd name="connsiteX16" fmla="*/ 0 w 2267139"/>
                <a:gd name="connsiteY16" fmla="*/ 0 h 71325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2267139" h="713257">
                  <a:moveTo>
                    <a:pt x="0" y="0"/>
                  </a:moveTo>
                  <a:lnTo>
                    <a:pt x="1322498" y="0"/>
                  </a:lnTo>
                  <a:lnTo>
                    <a:pt x="1592665" y="-76318"/>
                  </a:lnTo>
                  <a:lnTo>
                    <a:pt x="1889283" y="0"/>
                  </a:lnTo>
                  <a:lnTo>
                    <a:pt x="2267139" y="0"/>
                  </a:lnTo>
                  <a:lnTo>
                    <a:pt x="2267139" y="118876"/>
                  </a:lnTo>
                  <a:lnTo>
                    <a:pt x="2267139" y="118876"/>
                  </a:lnTo>
                  <a:lnTo>
                    <a:pt x="2267139" y="297190"/>
                  </a:lnTo>
                  <a:lnTo>
                    <a:pt x="2267139" y="713257"/>
                  </a:lnTo>
                  <a:lnTo>
                    <a:pt x="1889283" y="713257"/>
                  </a:lnTo>
                  <a:lnTo>
                    <a:pt x="1322498" y="713257"/>
                  </a:lnTo>
                  <a:lnTo>
                    <a:pt x="1322498" y="713257"/>
                  </a:lnTo>
                  <a:lnTo>
                    <a:pt x="0" y="713257"/>
                  </a:lnTo>
                  <a:lnTo>
                    <a:pt x="0" y="297190"/>
                  </a:lnTo>
                  <a:lnTo>
                    <a:pt x="0" y="118876"/>
                  </a:lnTo>
                  <a:lnTo>
                    <a:pt x="0" y="118876"/>
                  </a:lnTo>
                  <a:lnTo>
                    <a:pt x="0" y="0"/>
                  </a:lnTo>
                  <a:close/>
                </a:path>
              </a:pathLst>
            </a:custGeom>
            <a:scene3d>
              <a:camera prst="orthographicFront"/>
              <a:lightRig rig="flat" dir="t"/>
            </a:scene3d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4">
                <a:hueOff val="3465231"/>
                <a:satOff val="-15989"/>
                <a:lumOff val="588"/>
                <a:alphaOff val="0"/>
              </a:schemeClr>
            </a:fillRef>
            <a:effectRef idx="1">
              <a:schemeClr val="accent4">
                <a:hueOff val="3465231"/>
                <a:satOff val="-15989"/>
                <a:lumOff val="588"/>
                <a:alphaOff val="0"/>
              </a:schemeClr>
            </a:effectRef>
            <a:fontRef idx="minor">
              <a:schemeClr val="dk1"/>
            </a:fontRef>
          </p:style>
          <p:txBody>
            <a:bodyPr spcFirstLastPara="0" vert="horz" wrap="square" lIns="91440" tIns="91440" rIns="91440" bIns="91440" numCol="1" spcCol="1270" anchor="ctr" anchorCtr="0">
              <a:noAutofit/>
            </a:bodyPr>
            <a:lstStyle/>
            <a:p>
              <a:pPr marL="0" lvl="0" indent="0" algn="ctr" defTabSz="10668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400" kern="1200" dirty="0">
                  <a:latin typeface="Arial Unicode MS" panose="020B0604020202020204" pitchFamily="34" charset="-128"/>
                  <a:ea typeface="Arial Unicode MS" panose="020B0604020202020204" pitchFamily="34" charset="-128"/>
                  <a:cs typeface="Arial Unicode MS" panose="020B0604020202020204" pitchFamily="34" charset="-128"/>
                </a:rPr>
                <a:t>S</a:t>
              </a:r>
              <a:r>
                <a:rPr lang="en-US" sz="2400" kern="1200" dirty="0" err="1">
                  <a:latin typeface="Arial Unicode MS" panose="020B0604020202020204" pitchFamily="34" charset="-128"/>
                  <a:ea typeface="Arial Unicode MS" panose="020B0604020202020204" pitchFamily="34" charset="-128"/>
                  <a:cs typeface="Arial Unicode MS" panose="020B0604020202020204" pitchFamily="34" charset="-128"/>
                </a:rPr>
                <a:t>oftware</a:t>
              </a:r>
              <a:endParaRPr lang="id-ID" sz="2400" kern="1200" dirty="0"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endParaRPr>
            </a:p>
          </p:txBody>
        </p:sp>
      </p:grpSp>
      <p:grpSp>
        <p:nvGrpSpPr>
          <p:cNvPr id="55" name="Group 54">
            <a:extLst>
              <a:ext uri="{FF2B5EF4-FFF2-40B4-BE49-F238E27FC236}">
                <a16:creationId xmlns:a16="http://schemas.microsoft.com/office/drawing/2014/main" id="{0D90D3AD-7E0F-4E2F-A3B0-0596EBC1E918}"/>
              </a:ext>
            </a:extLst>
          </p:cNvPr>
          <p:cNvGrpSpPr/>
          <p:nvPr/>
        </p:nvGrpSpPr>
        <p:grpSpPr>
          <a:xfrm>
            <a:off x="6197982" y="2736726"/>
            <a:ext cx="2547347" cy="2547347"/>
            <a:chOff x="6219248" y="2209244"/>
            <a:chExt cx="2547347" cy="2547347"/>
          </a:xfrm>
        </p:grpSpPr>
        <p:sp>
          <p:nvSpPr>
            <p:cNvPr id="49" name="Rectangle 48">
              <a:extLst>
                <a:ext uri="{FF2B5EF4-FFF2-40B4-BE49-F238E27FC236}">
                  <a16:creationId xmlns:a16="http://schemas.microsoft.com/office/drawing/2014/main" id="{A8EDFCB7-F83B-4981-AE89-BEE7B2A2C73A}"/>
                </a:ext>
              </a:extLst>
            </p:cNvPr>
            <p:cNvSpPr/>
            <p:nvPr/>
          </p:nvSpPr>
          <p:spPr>
            <a:xfrm>
              <a:off x="6219248" y="2209244"/>
              <a:ext cx="2547347" cy="2037878"/>
            </a:xfrm>
            <a:prstGeom prst="rect">
              <a:avLst/>
            </a:prstGeom>
            <a:blipFill rotWithShape="1">
              <a:blip r:embed="rId5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 l="-38000" r="-38000"/>
              </a:stretch>
            </a:blipFill>
          </p:spPr>
          <p:style>
            <a:lnRef idx="1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1">
              <a:schemeClr val="accent4">
                <a:tint val="50000"/>
                <a:hueOff val="7666601"/>
                <a:satOff val="-42031"/>
                <a:lumOff val="4542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50" name="Freeform: Shape 49">
              <a:extLst>
                <a:ext uri="{FF2B5EF4-FFF2-40B4-BE49-F238E27FC236}">
                  <a16:creationId xmlns:a16="http://schemas.microsoft.com/office/drawing/2014/main" id="{8B8BB97E-7EDB-4A98-A03F-A0A0D2EB8FE3}"/>
                </a:ext>
              </a:extLst>
            </p:cNvPr>
            <p:cNvSpPr/>
            <p:nvPr/>
          </p:nvSpPr>
          <p:spPr>
            <a:xfrm>
              <a:off x="6448510" y="4043334"/>
              <a:ext cx="2267139" cy="713257"/>
            </a:xfrm>
            <a:custGeom>
              <a:avLst/>
              <a:gdLst>
                <a:gd name="connsiteX0" fmla="*/ 0 w 2267139"/>
                <a:gd name="connsiteY0" fmla="*/ 0 h 713257"/>
                <a:gd name="connsiteX1" fmla="*/ 1322498 w 2267139"/>
                <a:gd name="connsiteY1" fmla="*/ 0 h 713257"/>
                <a:gd name="connsiteX2" fmla="*/ 1592665 w 2267139"/>
                <a:gd name="connsiteY2" fmla="*/ -76318 h 713257"/>
                <a:gd name="connsiteX3" fmla="*/ 1889283 w 2267139"/>
                <a:gd name="connsiteY3" fmla="*/ 0 h 713257"/>
                <a:gd name="connsiteX4" fmla="*/ 2267139 w 2267139"/>
                <a:gd name="connsiteY4" fmla="*/ 0 h 713257"/>
                <a:gd name="connsiteX5" fmla="*/ 2267139 w 2267139"/>
                <a:gd name="connsiteY5" fmla="*/ 118876 h 713257"/>
                <a:gd name="connsiteX6" fmla="*/ 2267139 w 2267139"/>
                <a:gd name="connsiteY6" fmla="*/ 118876 h 713257"/>
                <a:gd name="connsiteX7" fmla="*/ 2267139 w 2267139"/>
                <a:gd name="connsiteY7" fmla="*/ 297190 h 713257"/>
                <a:gd name="connsiteX8" fmla="*/ 2267139 w 2267139"/>
                <a:gd name="connsiteY8" fmla="*/ 713257 h 713257"/>
                <a:gd name="connsiteX9" fmla="*/ 1889283 w 2267139"/>
                <a:gd name="connsiteY9" fmla="*/ 713257 h 713257"/>
                <a:gd name="connsiteX10" fmla="*/ 1322498 w 2267139"/>
                <a:gd name="connsiteY10" fmla="*/ 713257 h 713257"/>
                <a:gd name="connsiteX11" fmla="*/ 1322498 w 2267139"/>
                <a:gd name="connsiteY11" fmla="*/ 713257 h 713257"/>
                <a:gd name="connsiteX12" fmla="*/ 0 w 2267139"/>
                <a:gd name="connsiteY12" fmla="*/ 713257 h 713257"/>
                <a:gd name="connsiteX13" fmla="*/ 0 w 2267139"/>
                <a:gd name="connsiteY13" fmla="*/ 297190 h 713257"/>
                <a:gd name="connsiteX14" fmla="*/ 0 w 2267139"/>
                <a:gd name="connsiteY14" fmla="*/ 118876 h 713257"/>
                <a:gd name="connsiteX15" fmla="*/ 0 w 2267139"/>
                <a:gd name="connsiteY15" fmla="*/ 118876 h 713257"/>
                <a:gd name="connsiteX16" fmla="*/ 0 w 2267139"/>
                <a:gd name="connsiteY16" fmla="*/ 0 h 71325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2267139" h="713257">
                  <a:moveTo>
                    <a:pt x="0" y="0"/>
                  </a:moveTo>
                  <a:lnTo>
                    <a:pt x="1322498" y="0"/>
                  </a:lnTo>
                  <a:lnTo>
                    <a:pt x="1592665" y="-76318"/>
                  </a:lnTo>
                  <a:lnTo>
                    <a:pt x="1889283" y="0"/>
                  </a:lnTo>
                  <a:lnTo>
                    <a:pt x="2267139" y="0"/>
                  </a:lnTo>
                  <a:lnTo>
                    <a:pt x="2267139" y="118876"/>
                  </a:lnTo>
                  <a:lnTo>
                    <a:pt x="2267139" y="118876"/>
                  </a:lnTo>
                  <a:lnTo>
                    <a:pt x="2267139" y="297190"/>
                  </a:lnTo>
                  <a:lnTo>
                    <a:pt x="2267139" y="713257"/>
                  </a:lnTo>
                  <a:lnTo>
                    <a:pt x="1889283" y="713257"/>
                  </a:lnTo>
                  <a:lnTo>
                    <a:pt x="1322498" y="713257"/>
                  </a:lnTo>
                  <a:lnTo>
                    <a:pt x="1322498" y="713257"/>
                  </a:lnTo>
                  <a:lnTo>
                    <a:pt x="0" y="713257"/>
                  </a:lnTo>
                  <a:lnTo>
                    <a:pt x="0" y="297190"/>
                  </a:lnTo>
                  <a:lnTo>
                    <a:pt x="0" y="118876"/>
                  </a:lnTo>
                  <a:lnTo>
                    <a:pt x="0" y="118876"/>
                  </a:lnTo>
                  <a:lnTo>
                    <a:pt x="0" y="0"/>
                  </a:lnTo>
                  <a:close/>
                </a:path>
              </a:pathLst>
            </a:custGeom>
            <a:scene3d>
              <a:camera prst="orthographicFront"/>
              <a:lightRig rig="flat" dir="t"/>
            </a:scene3d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4">
                <a:hueOff val="6930461"/>
                <a:satOff val="-31979"/>
                <a:lumOff val="1177"/>
                <a:alphaOff val="0"/>
              </a:schemeClr>
            </a:fillRef>
            <a:effectRef idx="1">
              <a:schemeClr val="accent4">
                <a:hueOff val="6930461"/>
                <a:satOff val="-31979"/>
                <a:lumOff val="1177"/>
                <a:alphaOff val="0"/>
              </a:schemeClr>
            </a:effectRef>
            <a:fontRef idx="minor">
              <a:schemeClr val="dk1"/>
            </a:fontRef>
          </p:style>
          <p:txBody>
            <a:bodyPr spcFirstLastPara="0" vert="horz" wrap="square" lIns="91440" tIns="91440" rIns="91440" bIns="91440" numCol="1" spcCol="1270" anchor="ctr" anchorCtr="0">
              <a:noAutofit/>
            </a:bodyPr>
            <a:lstStyle/>
            <a:p>
              <a:pPr marL="0" lvl="0" indent="0" algn="ctr" defTabSz="10668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400" kern="1200" dirty="0">
                  <a:latin typeface="Arial Unicode MS" panose="020B0604020202020204" pitchFamily="34" charset="-128"/>
                  <a:ea typeface="Arial Unicode MS" panose="020B0604020202020204" pitchFamily="34" charset="-128"/>
                  <a:cs typeface="Arial Unicode MS" panose="020B0604020202020204" pitchFamily="34" charset="-128"/>
                </a:rPr>
                <a:t>N</a:t>
              </a:r>
              <a:r>
                <a:rPr lang="en-US" sz="2400" kern="1200" dirty="0" err="1">
                  <a:latin typeface="Arial Unicode MS" panose="020B0604020202020204" pitchFamily="34" charset="-128"/>
                  <a:ea typeface="Arial Unicode MS" panose="020B0604020202020204" pitchFamily="34" charset="-128"/>
                  <a:cs typeface="Arial Unicode MS" panose="020B0604020202020204" pitchFamily="34" charset="-128"/>
                </a:rPr>
                <a:t>etworks</a:t>
              </a:r>
              <a:endParaRPr lang="id-ID" sz="2400" kern="1200" dirty="0"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endParaRPr>
            </a:p>
          </p:txBody>
        </p:sp>
      </p:grpSp>
      <p:grpSp>
        <p:nvGrpSpPr>
          <p:cNvPr id="56" name="Group 55">
            <a:extLst>
              <a:ext uri="{FF2B5EF4-FFF2-40B4-BE49-F238E27FC236}">
                <a16:creationId xmlns:a16="http://schemas.microsoft.com/office/drawing/2014/main" id="{9DC4F54B-4A45-44B0-9F83-F7FC1A82C222}"/>
              </a:ext>
            </a:extLst>
          </p:cNvPr>
          <p:cNvGrpSpPr/>
          <p:nvPr/>
        </p:nvGrpSpPr>
        <p:grpSpPr>
          <a:xfrm>
            <a:off x="9000065" y="2736726"/>
            <a:ext cx="2547347" cy="2547347"/>
            <a:chOff x="9021331" y="2209244"/>
            <a:chExt cx="2547347" cy="2547347"/>
          </a:xfrm>
        </p:grpSpPr>
        <p:sp>
          <p:nvSpPr>
            <p:cNvPr id="51" name="Rectangle 50">
              <a:extLst>
                <a:ext uri="{FF2B5EF4-FFF2-40B4-BE49-F238E27FC236}">
                  <a16:creationId xmlns:a16="http://schemas.microsoft.com/office/drawing/2014/main" id="{B11B289D-CA56-4FDF-AF00-FD39D4807C9D}"/>
                </a:ext>
              </a:extLst>
            </p:cNvPr>
            <p:cNvSpPr/>
            <p:nvPr/>
          </p:nvSpPr>
          <p:spPr>
            <a:xfrm>
              <a:off x="9021331" y="2209244"/>
              <a:ext cx="2547347" cy="2037878"/>
            </a:xfrm>
            <a:prstGeom prst="rect">
              <a:avLst/>
            </a:prstGeom>
            <a:blipFill rotWithShape="1">
              <a:blip r:embed="rId6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 l="-3000" r="-3000"/>
              </a:stretch>
            </a:blipFill>
          </p:spPr>
          <p:style>
            <a:lnRef idx="1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1">
              <a:schemeClr val="accent4">
                <a:tint val="50000"/>
                <a:hueOff val="11499901"/>
                <a:satOff val="-63047"/>
                <a:lumOff val="6813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52" name="Freeform: Shape 51">
              <a:extLst>
                <a:ext uri="{FF2B5EF4-FFF2-40B4-BE49-F238E27FC236}">
                  <a16:creationId xmlns:a16="http://schemas.microsoft.com/office/drawing/2014/main" id="{00C976C1-8EB0-4EBA-9890-CF631B80CBAF}"/>
                </a:ext>
              </a:extLst>
            </p:cNvPr>
            <p:cNvSpPr/>
            <p:nvPr/>
          </p:nvSpPr>
          <p:spPr>
            <a:xfrm>
              <a:off x="9250592" y="4043334"/>
              <a:ext cx="2267139" cy="713257"/>
            </a:xfrm>
            <a:custGeom>
              <a:avLst/>
              <a:gdLst>
                <a:gd name="connsiteX0" fmla="*/ 0 w 2267139"/>
                <a:gd name="connsiteY0" fmla="*/ 0 h 713257"/>
                <a:gd name="connsiteX1" fmla="*/ 1322498 w 2267139"/>
                <a:gd name="connsiteY1" fmla="*/ 0 h 713257"/>
                <a:gd name="connsiteX2" fmla="*/ 1592665 w 2267139"/>
                <a:gd name="connsiteY2" fmla="*/ -76318 h 713257"/>
                <a:gd name="connsiteX3" fmla="*/ 1889283 w 2267139"/>
                <a:gd name="connsiteY3" fmla="*/ 0 h 713257"/>
                <a:gd name="connsiteX4" fmla="*/ 2267139 w 2267139"/>
                <a:gd name="connsiteY4" fmla="*/ 0 h 713257"/>
                <a:gd name="connsiteX5" fmla="*/ 2267139 w 2267139"/>
                <a:gd name="connsiteY5" fmla="*/ 118876 h 713257"/>
                <a:gd name="connsiteX6" fmla="*/ 2267139 w 2267139"/>
                <a:gd name="connsiteY6" fmla="*/ 118876 h 713257"/>
                <a:gd name="connsiteX7" fmla="*/ 2267139 w 2267139"/>
                <a:gd name="connsiteY7" fmla="*/ 297190 h 713257"/>
                <a:gd name="connsiteX8" fmla="*/ 2267139 w 2267139"/>
                <a:gd name="connsiteY8" fmla="*/ 713257 h 713257"/>
                <a:gd name="connsiteX9" fmla="*/ 1889283 w 2267139"/>
                <a:gd name="connsiteY9" fmla="*/ 713257 h 713257"/>
                <a:gd name="connsiteX10" fmla="*/ 1322498 w 2267139"/>
                <a:gd name="connsiteY10" fmla="*/ 713257 h 713257"/>
                <a:gd name="connsiteX11" fmla="*/ 1322498 w 2267139"/>
                <a:gd name="connsiteY11" fmla="*/ 713257 h 713257"/>
                <a:gd name="connsiteX12" fmla="*/ 0 w 2267139"/>
                <a:gd name="connsiteY12" fmla="*/ 713257 h 713257"/>
                <a:gd name="connsiteX13" fmla="*/ 0 w 2267139"/>
                <a:gd name="connsiteY13" fmla="*/ 297190 h 713257"/>
                <a:gd name="connsiteX14" fmla="*/ 0 w 2267139"/>
                <a:gd name="connsiteY14" fmla="*/ 118876 h 713257"/>
                <a:gd name="connsiteX15" fmla="*/ 0 w 2267139"/>
                <a:gd name="connsiteY15" fmla="*/ 118876 h 713257"/>
                <a:gd name="connsiteX16" fmla="*/ 0 w 2267139"/>
                <a:gd name="connsiteY16" fmla="*/ 0 h 71325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2267139" h="713257">
                  <a:moveTo>
                    <a:pt x="0" y="0"/>
                  </a:moveTo>
                  <a:lnTo>
                    <a:pt x="1322498" y="0"/>
                  </a:lnTo>
                  <a:lnTo>
                    <a:pt x="1592665" y="-76318"/>
                  </a:lnTo>
                  <a:lnTo>
                    <a:pt x="1889283" y="0"/>
                  </a:lnTo>
                  <a:lnTo>
                    <a:pt x="2267139" y="0"/>
                  </a:lnTo>
                  <a:lnTo>
                    <a:pt x="2267139" y="118876"/>
                  </a:lnTo>
                  <a:lnTo>
                    <a:pt x="2267139" y="118876"/>
                  </a:lnTo>
                  <a:lnTo>
                    <a:pt x="2267139" y="297190"/>
                  </a:lnTo>
                  <a:lnTo>
                    <a:pt x="2267139" y="713257"/>
                  </a:lnTo>
                  <a:lnTo>
                    <a:pt x="1889283" y="713257"/>
                  </a:lnTo>
                  <a:lnTo>
                    <a:pt x="1322498" y="713257"/>
                  </a:lnTo>
                  <a:lnTo>
                    <a:pt x="1322498" y="713257"/>
                  </a:lnTo>
                  <a:lnTo>
                    <a:pt x="0" y="713257"/>
                  </a:lnTo>
                  <a:lnTo>
                    <a:pt x="0" y="297190"/>
                  </a:lnTo>
                  <a:lnTo>
                    <a:pt x="0" y="118876"/>
                  </a:lnTo>
                  <a:lnTo>
                    <a:pt x="0" y="118876"/>
                  </a:lnTo>
                  <a:lnTo>
                    <a:pt x="0" y="0"/>
                  </a:lnTo>
                  <a:close/>
                </a:path>
              </a:pathLst>
            </a:custGeom>
            <a:scene3d>
              <a:camera prst="orthographicFront"/>
              <a:lightRig rig="flat" dir="t"/>
            </a:scene3d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4">
                <a:hueOff val="10395692"/>
                <a:satOff val="-47968"/>
                <a:lumOff val="1765"/>
                <a:alphaOff val="0"/>
              </a:schemeClr>
            </a:fillRef>
            <a:effectRef idx="1">
              <a:schemeClr val="accent4">
                <a:hueOff val="10395692"/>
                <a:satOff val="-47968"/>
                <a:lumOff val="1765"/>
                <a:alphaOff val="0"/>
              </a:schemeClr>
            </a:effectRef>
            <a:fontRef idx="minor">
              <a:schemeClr val="dk1"/>
            </a:fontRef>
          </p:style>
          <p:txBody>
            <a:bodyPr spcFirstLastPara="0" vert="horz" wrap="square" lIns="91440" tIns="91440" rIns="91440" bIns="91440" numCol="1" spcCol="1270" anchor="ctr" anchorCtr="0">
              <a:noAutofit/>
            </a:bodyPr>
            <a:lstStyle/>
            <a:p>
              <a:pPr marL="0" lvl="0" indent="0" algn="ctr" defTabSz="10668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400" kern="1200" dirty="0">
                  <a:latin typeface="Arial Unicode MS" panose="020B0604020202020204" pitchFamily="34" charset="-128"/>
                  <a:ea typeface="Arial Unicode MS" panose="020B0604020202020204" pitchFamily="34" charset="-128"/>
                  <a:cs typeface="Arial Unicode MS" panose="020B0604020202020204" pitchFamily="34" charset="-128"/>
                </a:rPr>
                <a:t>S</a:t>
              </a:r>
              <a:r>
                <a:rPr lang="en-US" sz="2400" kern="1200" dirty="0" err="1">
                  <a:latin typeface="Arial Unicode MS" panose="020B0604020202020204" pitchFamily="34" charset="-128"/>
                  <a:ea typeface="Arial Unicode MS" panose="020B0604020202020204" pitchFamily="34" charset="-128"/>
                  <a:cs typeface="Arial Unicode MS" panose="020B0604020202020204" pitchFamily="34" charset="-128"/>
                </a:rPr>
                <a:t>ervices</a:t>
              </a:r>
              <a:endParaRPr lang="id-ID" sz="2400" kern="1200" dirty="0"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endParaRPr>
            </a:p>
          </p:txBody>
        </p:sp>
      </p:grpSp>
      <p:sp>
        <p:nvSpPr>
          <p:cNvPr id="60" name="Rectangle: Rounded Corners 59">
            <a:extLst>
              <a:ext uri="{FF2B5EF4-FFF2-40B4-BE49-F238E27FC236}">
                <a16:creationId xmlns:a16="http://schemas.microsoft.com/office/drawing/2014/main" id="{5A2D15EE-0BF8-4716-B31C-7EA6CAC55C95}"/>
              </a:ext>
            </a:extLst>
          </p:cNvPr>
          <p:cNvSpPr/>
          <p:nvPr/>
        </p:nvSpPr>
        <p:spPr>
          <a:xfrm>
            <a:off x="2273596" y="1379940"/>
            <a:ext cx="7644808" cy="880739"/>
          </a:xfrm>
          <a:prstGeom prst="roundRect">
            <a:avLst>
              <a:gd name="adj" fmla="val 41399"/>
            </a:avLst>
          </a:prstGeom>
          <a:solidFill>
            <a:schemeClr val="bg1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1500000"/>
            </a:lightRig>
          </a:scene3d>
          <a:sp3d prstMaterial="metal">
            <a:bevelT w="88900" h="889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000" dirty="0">
                <a:solidFill>
                  <a:schemeClr val="tx1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Teknologi adalah alat atau mesin yang dapat digunakan untuk memecahkan masalah dunia nyata (Bates, 2019).</a:t>
            </a:r>
          </a:p>
        </p:txBody>
      </p:sp>
      <p:sp>
        <p:nvSpPr>
          <p:cNvPr id="58" name="Title 1">
            <a:extLst>
              <a:ext uri="{FF2B5EF4-FFF2-40B4-BE49-F238E27FC236}">
                <a16:creationId xmlns:a16="http://schemas.microsoft.com/office/drawing/2014/main" id="{60E09778-099D-4688-AEA3-CAD148A205E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3309384" y="483031"/>
            <a:ext cx="5573233" cy="769550"/>
          </a:xfrm>
        </p:spPr>
        <p:txBody>
          <a:bodyPr>
            <a:normAutofit/>
          </a:bodyPr>
          <a:lstStyle/>
          <a:p>
            <a:pPr algn="ctr"/>
            <a:r>
              <a:rPr lang="id-ID" sz="3600" b="1" dirty="0">
                <a:solidFill>
                  <a:schemeClr val="tx1"/>
                </a:solidFill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Apa itu Teknologi?</a:t>
            </a:r>
            <a:endParaRPr lang="en-US" sz="3600" b="1" dirty="0">
              <a:solidFill>
                <a:schemeClr val="tx1"/>
              </a:solidFill>
              <a:latin typeface="+mj-lt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</p:txBody>
      </p:sp>
      <p:sp>
        <p:nvSpPr>
          <p:cNvPr id="74" name="TextBox 73">
            <a:extLst>
              <a:ext uri="{FF2B5EF4-FFF2-40B4-BE49-F238E27FC236}">
                <a16:creationId xmlns:a16="http://schemas.microsoft.com/office/drawing/2014/main" id="{D73EB0D2-670F-4F08-BDAD-CD9C8F5600E3}"/>
              </a:ext>
            </a:extLst>
          </p:cNvPr>
          <p:cNvSpPr txBox="1"/>
          <p:nvPr/>
        </p:nvSpPr>
        <p:spPr>
          <a:xfrm>
            <a:off x="401443" y="5368704"/>
            <a:ext cx="2810108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id-ID" sz="1800" dirty="0"/>
              <a:t>Smartphone, Komputer, Televisi, Radio, Kamera, Virtual Reality Box</a:t>
            </a:r>
            <a:endParaRPr lang="en-US" sz="1800" dirty="0"/>
          </a:p>
        </p:txBody>
      </p:sp>
      <p:sp>
        <p:nvSpPr>
          <p:cNvPr id="75" name="TextBox 74">
            <a:extLst>
              <a:ext uri="{FF2B5EF4-FFF2-40B4-BE49-F238E27FC236}">
                <a16:creationId xmlns:a16="http://schemas.microsoft.com/office/drawing/2014/main" id="{F4404C2F-45CD-4B8A-8C97-F343931AF063}"/>
              </a:ext>
            </a:extLst>
          </p:cNvPr>
          <p:cNvSpPr txBox="1"/>
          <p:nvPr/>
        </p:nvSpPr>
        <p:spPr>
          <a:xfrm>
            <a:off x="3340642" y="5368704"/>
            <a:ext cx="2747924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id-ID" sz="1800" dirty="0"/>
              <a:t>Sistem Operasi, Program offline, Program online, File digital</a:t>
            </a:r>
            <a:endParaRPr lang="en-US" sz="1800" dirty="0"/>
          </a:p>
        </p:txBody>
      </p:sp>
      <p:sp>
        <p:nvSpPr>
          <p:cNvPr id="76" name="TextBox 75">
            <a:extLst>
              <a:ext uri="{FF2B5EF4-FFF2-40B4-BE49-F238E27FC236}">
                <a16:creationId xmlns:a16="http://schemas.microsoft.com/office/drawing/2014/main" id="{D847C54A-4A46-4B0D-9CFD-28AF2C16DF37}"/>
              </a:ext>
            </a:extLst>
          </p:cNvPr>
          <p:cNvSpPr txBox="1"/>
          <p:nvPr/>
        </p:nvSpPr>
        <p:spPr>
          <a:xfrm>
            <a:off x="6314301" y="5368704"/>
            <a:ext cx="2536050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id-ID" sz="1800" dirty="0"/>
              <a:t>Internet, Intranet, </a:t>
            </a:r>
            <a:br>
              <a:rPr lang="id-ID" sz="1800" dirty="0"/>
            </a:br>
            <a:r>
              <a:rPr lang="id-ID" sz="1800" dirty="0"/>
              <a:t>Bandwith, Penggunaannya</a:t>
            </a:r>
            <a:endParaRPr lang="en-US" sz="1800" dirty="0"/>
          </a:p>
        </p:txBody>
      </p:sp>
      <p:sp>
        <p:nvSpPr>
          <p:cNvPr id="77" name="TextBox 76">
            <a:extLst>
              <a:ext uri="{FF2B5EF4-FFF2-40B4-BE49-F238E27FC236}">
                <a16:creationId xmlns:a16="http://schemas.microsoft.com/office/drawing/2014/main" id="{F88B6E9F-D65C-4D92-AFB0-3E810ED23517}"/>
              </a:ext>
            </a:extLst>
          </p:cNvPr>
          <p:cNvSpPr txBox="1"/>
          <p:nvPr/>
        </p:nvSpPr>
        <p:spPr>
          <a:xfrm>
            <a:off x="9120691" y="5368704"/>
            <a:ext cx="2536050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id-ID" sz="1800" dirty="0"/>
              <a:t>Government service, School service, Teacher service,</a:t>
            </a:r>
          </a:p>
        </p:txBody>
      </p:sp>
    </p:spTree>
    <p:extLst>
      <p:ext uri="{BB962C8B-B14F-4D97-AF65-F5344CB8AC3E}">
        <p14:creationId xmlns:p14="http://schemas.microsoft.com/office/powerpoint/2010/main" val="23704563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37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Vertical)">
                                      <p:cBhvr>
                                        <p:cTn id="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5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5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5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1000" fill="hold"/>
                                        <p:tgtEl>
                                          <p:spTgt spid="5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7" dur="10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10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3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9" dur="1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0" dur="1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5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0" grpId="0" animBg="1"/>
      <p:bldP spid="74" grpId="0"/>
      <p:bldP spid="75" grpId="0"/>
      <p:bldP spid="76" grpId="0"/>
      <p:bldP spid="77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5774B8B6-64FD-4232-9F24-3273A73EF34E}"/>
              </a:ext>
            </a:extLst>
          </p:cNvPr>
          <p:cNvSpPr/>
          <p:nvPr/>
        </p:nvSpPr>
        <p:spPr>
          <a:xfrm>
            <a:off x="662763" y="5188689"/>
            <a:ext cx="10866474" cy="113877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id-ID" sz="2400" dirty="0"/>
              <a:t>Mengkombinasikan </a:t>
            </a:r>
            <a:r>
              <a:rPr lang="id-ID" sz="2400" b="1" dirty="0">
                <a:solidFill>
                  <a:srgbClr val="00B0F0"/>
                </a:solidFill>
              </a:rPr>
              <a:t>bagian terbaik </a:t>
            </a:r>
            <a:r>
              <a:rPr lang="id-ID" sz="2400" dirty="0">
                <a:solidFill>
                  <a:schemeClr val="tx1"/>
                </a:solidFill>
              </a:rPr>
              <a:t>dari </a:t>
            </a:r>
            <a:r>
              <a:rPr lang="id-ID" sz="2400" b="1" dirty="0">
                <a:solidFill>
                  <a:srgbClr val="00B050"/>
                </a:solidFill>
              </a:rPr>
              <a:t>pembelajaran sinkron dan asinkron </a:t>
            </a:r>
            <a:r>
              <a:rPr lang="id-ID" sz="2400" dirty="0"/>
              <a:t>untuk mencapai </a:t>
            </a:r>
            <a:r>
              <a:rPr lang="id-ID" sz="2400" b="1" dirty="0">
                <a:solidFill>
                  <a:srgbClr val="7030A0"/>
                </a:solidFill>
              </a:rPr>
              <a:t>efektifitas belajar yang maksimum</a:t>
            </a:r>
            <a:r>
              <a:rPr lang="id-ID" sz="2400" dirty="0">
                <a:solidFill>
                  <a:srgbClr val="7030A0"/>
                </a:solidFill>
              </a:rPr>
              <a:t>. </a:t>
            </a:r>
          </a:p>
          <a:p>
            <a:pPr algn="ctr"/>
            <a:r>
              <a:rPr lang="id-ID" sz="1800" dirty="0"/>
              <a:t>Sumber: [Piskurich, 2006 dan Chaeruman] </a:t>
            </a:r>
          </a:p>
        </p:txBody>
      </p:sp>
      <p:pic>
        <p:nvPicPr>
          <p:cNvPr id="1028" name="Picture 4" descr="Blended Learning">
            <a:extLst>
              <a:ext uri="{FF2B5EF4-FFF2-40B4-BE49-F238E27FC236}">
                <a16:creationId xmlns:a16="http://schemas.microsoft.com/office/drawing/2014/main" id="{82A69EF0-9D87-4AD5-8A7A-0744FCDB4BC5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314" t="5968" r="2898" b="6646"/>
          <a:stretch/>
        </p:blipFill>
        <p:spPr bwMode="auto">
          <a:xfrm>
            <a:off x="2161616" y="1438488"/>
            <a:ext cx="5959582" cy="352608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0" name="Title 1">
            <a:extLst>
              <a:ext uri="{FF2B5EF4-FFF2-40B4-BE49-F238E27FC236}">
                <a16:creationId xmlns:a16="http://schemas.microsoft.com/office/drawing/2014/main" id="{DCFFBE96-9692-4276-B542-6DD64741DA4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308630" y="489770"/>
            <a:ext cx="9574741" cy="769550"/>
          </a:xfrm>
        </p:spPr>
        <p:txBody>
          <a:bodyPr>
            <a:noAutofit/>
          </a:bodyPr>
          <a:lstStyle/>
          <a:p>
            <a:pPr algn="ctr"/>
            <a:r>
              <a:rPr lang="id-ID" sz="3600" b="1" dirty="0">
                <a:solidFill>
                  <a:schemeClr val="tx1"/>
                </a:solidFill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Pembelajaran </a:t>
            </a:r>
            <a:r>
              <a:rPr lang="id-ID" sz="3600" b="1" i="1" dirty="0">
                <a:solidFill>
                  <a:schemeClr val="tx1"/>
                </a:solidFill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Blended</a:t>
            </a:r>
            <a:r>
              <a:rPr lang="id-ID" sz="3600" b="1" dirty="0">
                <a:solidFill>
                  <a:schemeClr val="tx1"/>
                </a:solidFill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 di Era </a:t>
            </a:r>
            <a:r>
              <a:rPr lang="id-ID" sz="3600" b="1" i="1" dirty="0">
                <a:solidFill>
                  <a:schemeClr val="tx1"/>
                </a:solidFill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New Normal</a:t>
            </a:r>
            <a:endParaRPr lang="en-US" sz="3600" b="1" i="1" dirty="0">
              <a:solidFill>
                <a:schemeClr val="tx1"/>
              </a:solidFill>
              <a:latin typeface="+mj-lt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C26BAE05-F571-44FA-99BD-296BB7F5216B}"/>
              </a:ext>
            </a:extLst>
          </p:cNvPr>
          <p:cNvGrpSpPr/>
          <p:nvPr/>
        </p:nvGrpSpPr>
        <p:grpSpPr>
          <a:xfrm>
            <a:off x="7214717" y="2100108"/>
            <a:ext cx="3508548" cy="1055075"/>
            <a:chOff x="8169310" y="2130253"/>
            <a:chExt cx="3508548" cy="1055075"/>
          </a:xfrm>
        </p:grpSpPr>
        <p:cxnSp>
          <p:nvCxnSpPr>
            <p:cNvPr id="4" name="Straight Arrow Connector 3">
              <a:extLst>
                <a:ext uri="{FF2B5EF4-FFF2-40B4-BE49-F238E27FC236}">
                  <a16:creationId xmlns:a16="http://schemas.microsoft.com/office/drawing/2014/main" id="{C363AFAB-3D1F-46A3-9397-43C7673C87F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8169310" y="2532185"/>
              <a:ext cx="1266092" cy="653143"/>
            </a:xfrm>
            <a:prstGeom prst="straightConnector1">
              <a:avLst/>
            </a:prstGeom>
            <a:ln w="57150"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9" name="TextBox 8">
              <a:extLst>
                <a:ext uri="{FF2B5EF4-FFF2-40B4-BE49-F238E27FC236}">
                  <a16:creationId xmlns:a16="http://schemas.microsoft.com/office/drawing/2014/main" id="{4FE5F004-4A0D-4CCA-A85A-3CB7401F8F72}"/>
                </a:ext>
              </a:extLst>
            </p:cNvPr>
            <p:cNvSpPr txBox="1"/>
            <p:nvPr/>
          </p:nvSpPr>
          <p:spPr>
            <a:xfrm>
              <a:off x="9416979" y="2130253"/>
              <a:ext cx="2260879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id-ID" sz="2400" b="1" u="sng" dirty="0">
                  <a:solidFill>
                    <a:srgbClr val="0070C0"/>
                  </a:solidFill>
                </a:rPr>
                <a:t>Sinkronous</a:t>
              </a:r>
              <a:br>
                <a:rPr lang="id-ID" sz="2400" b="1" dirty="0">
                  <a:solidFill>
                    <a:srgbClr val="0070C0"/>
                  </a:solidFill>
                </a:rPr>
              </a:br>
              <a:r>
                <a:rPr lang="id-ID" sz="1800" b="1" i="1" dirty="0">
                  <a:solidFill>
                    <a:schemeClr val="tx1"/>
                  </a:solidFill>
                </a:rPr>
                <a:t>Pada waktu yang sama</a:t>
              </a:r>
              <a:endParaRPr lang="id-ID" sz="2400" b="1" i="1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12" name="Group 11">
            <a:extLst>
              <a:ext uri="{FF2B5EF4-FFF2-40B4-BE49-F238E27FC236}">
                <a16:creationId xmlns:a16="http://schemas.microsoft.com/office/drawing/2014/main" id="{68E8E696-510A-4C00-A492-1E355F27125D}"/>
              </a:ext>
            </a:extLst>
          </p:cNvPr>
          <p:cNvGrpSpPr/>
          <p:nvPr/>
        </p:nvGrpSpPr>
        <p:grpSpPr>
          <a:xfrm>
            <a:off x="7214717" y="3145134"/>
            <a:ext cx="3478403" cy="1459469"/>
            <a:chOff x="8169310" y="3175279"/>
            <a:chExt cx="3478403" cy="1459469"/>
          </a:xfrm>
        </p:grpSpPr>
        <p:cxnSp>
          <p:nvCxnSpPr>
            <p:cNvPr id="46" name="Straight Arrow Connector 45">
              <a:extLst>
                <a:ext uri="{FF2B5EF4-FFF2-40B4-BE49-F238E27FC236}">
                  <a16:creationId xmlns:a16="http://schemas.microsoft.com/office/drawing/2014/main" id="{79EDCB59-598B-4E23-A99F-410D2B12440B}"/>
                </a:ext>
              </a:extLst>
            </p:cNvPr>
            <p:cNvCxnSpPr>
              <a:cxnSpLocks/>
            </p:cNvCxnSpPr>
            <p:nvPr/>
          </p:nvCxnSpPr>
          <p:spPr>
            <a:xfrm>
              <a:off x="8169310" y="3175279"/>
              <a:ext cx="1215850" cy="864158"/>
            </a:xfrm>
            <a:prstGeom prst="straightConnector1">
              <a:avLst/>
            </a:prstGeom>
            <a:ln w="57150"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7" name="TextBox 46">
              <a:extLst>
                <a:ext uri="{FF2B5EF4-FFF2-40B4-BE49-F238E27FC236}">
                  <a16:creationId xmlns:a16="http://schemas.microsoft.com/office/drawing/2014/main" id="{6091B137-A189-41FD-9280-564A8EE51D1B}"/>
                </a:ext>
              </a:extLst>
            </p:cNvPr>
            <p:cNvSpPr txBox="1"/>
            <p:nvPr/>
          </p:nvSpPr>
          <p:spPr>
            <a:xfrm>
              <a:off x="9386834" y="3619085"/>
              <a:ext cx="2260879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id-ID" sz="2400" b="1" u="sng" dirty="0">
                  <a:solidFill>
                    <a:srgbClr val="0070C0"/>
                  </a:solidFill>
                </a:rPr>
                <a:t>Asinkronous</a:t>
              </a:r>
              <a:br>
                <a:rPr lang="id-ID" sz="2400" b="1" dirty="0">
                  <a:solidFill>
                    <a:srgbClr val="0070C0"/>
                  </a:solidFill>
                </a:rPr>
              </a:br>
              <a:r>
                <a:rPr lang="id-ID" sz="1800" b="1" i="1" dirty="0">
                  <a:solidFill>
                    <a:schemeClr val="tx1"/>
                  </a:solidFill>
                </a:rPr>
                <a:t>Tidak pada waktu yang sama</a:t>
              </a:r>
              <a:endParaRPr lang="id-ID" sz="2400" b="1" i="1" dirty="0">
                <a:solidFill>
                  <a:schemeClr val="tx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305757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52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102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0" dur="1000" fill="hold"/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47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C3EE818-0907-4825-B939-382279E7935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8"/>
            <a:ext cx="10508226" cy="824576"/>
          </a:xfrm>
        </p:spPr>
        <p:txBody>
          <a:bodyPr/>
          <a:lstStyle/>
          <a:p>
            <a:pPr algn="ctr"/>
            <a:r>
              <a:rPr lang="id-ID" sz="3200" b="1" dirty="0">
                <a:solidFill>
                  <a:schemeClr val="tx1"/>
                </a:solidFill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Perangkat </a:t>
            </a:r>
            <a:r>
              <a:rPr lang="id-ID" sz="3200" b="1" i="1" dirty="0">
                <a:solidFill>
                  <a:schemeClr val="tx1"/>
                </a:solidFill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Blended Learning </a:t>
            </a:r>
            <a:r>
              <a:rPr lang="id-ID" sz="3200" b="1" dirty="0">
                <a:solidFill>
                  <a:schemeClr val="tx1"/>
                </a:solidFill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di Era New Normal</a:t>
            </a:r>
            <a:endParaRPr lang="id-ID" dirty="0"/>
          </a:p>
        </p:txBody>
      </p:sp>
      <p:grpSp>
        <p:nvGrpSpPr>
          <p:cNvPr id="22" name="Group 21">
            <a:extLst>
              <a:ext uri="{FF2B5EF4-FFF2-40B4-BE49-F238E27FC236}">
                <a16:creationId xmlns:a16="http://schemas.microsoft.com/office/drawing/2014/main" id="{2AA84F43-A21F-468E-9DD6-0CF782A5323C}"/>
              </a:ext>
            </a:extLst>
          </p:cNvPr>
          <p:cNvGrpSpPr/>
          <p:nvPr/>
        </p:nvGrpSpPr>
        <p:grpSpPr>
          <a:xfrm>
            <a:off x="770295" y="1214958"/>
            <a:ext cx="3295342" cy="4966945"/>
            <a:chOff x="770295" y="1195294"/>
            <a:chExt cx="3295342" cy="4966945"/>
          </a:xfrm>
        </p:grpSpPr>
        <p:sp>
          <p:nvSpPr>
            <p:cNvPr id="16" name="Freeform: Shape 15">
              <a:extLst>
                <a:ext uri="{FF2B5EF4-FFF2-40B4-BE49-F238E27FC236}">
                  <a16:creationId xmlns:a16="http://schemas.microsoft.com/office/drawing/2014/main" id="{6BA91EAE-8D27-42C2-8D00-A5D26687DE27}"/>
                </a:ext>
              </a:extLst>
            </p:cNvPr>
            <p:cNvSpPr/>
            <p:nvPr/>
          </p:nvSpPr>
          <p:spPr>
            <a:xfrm>
              <a:off x="770295" y="1195294"/>
              <a:ext cx="3295342" cy="1107476"/>
            </a:xfrm>
            <a:custGeom>
              <a:avLst/>
              <a:gdLst>
                <a:gd name="connsiteX0" fmla="*/ 0 w 3295342"/>
                <a:gd name="connsiteY0" fmla="*/ 0 h 1107476"/>
                <a:gd name="connsiteX1" fmla="*/ 3295342 w 3295342"/>
                <a:gd name="connsiteY1" fmla="*/ 0 h 1107476"/>
                <a:gd name="connsiteX2" fmla="*/ 3295342 w 3295342"/>
                <a:gd name="connsiteY2" fmla="*/ 1107476 h 1107476"/>
                <a:gd name="connsiteX3" fmla="*/ 0 w 3295342"/>
                <a:gd name="connsiteY3" fmla="*/ 1107476 h 1107476"/>
                <a:gd name="connsiteX4" fmla="*/ 0 w 3295342"/>
                <a:gd name="connsiteY4" fmla="*/ 0 h 110747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295342" h="1107476">
                  <a:moveTo>
                    <a:pt x="0" y="0"/>
                  </a:moveTo>
                  <a:lnTo>
                    <a:pt x="3295342" y="0"/>
                  </a:lnTo>
                  <a:lnTo>
                    <a:pt x="3295342" y="1107476"/>
                  </a:lnTo>
                  <a:lnTo>
                    <a:pt x="0" y="1107476"/>
                  </a:lnTo>
                  <a:lnTo>
                    <a:pt x="0" y="0"/>
                  </a:lnTo>
                  <a:close/>
                </a:path>
              </a:pathLst>
            </a:custGeom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5">
                <a:hueOff val="0"/>
                <a:satOff val="0"/>
                <a:lumOff val="0"/>
                <a:alphaOff val="0"/>
              </a:schemeClr>
            </a:lnRef>
            <a:fillRef idx="1">
              <a:schemeClr val="accent5">
                <a:hueOff val="0"/>
                <a:satOff val="0"/>
                <a:lumOff val="0"/>
                <a:alphaOff val="0"/>
              </a:schemeClr>
            </a:fillRef>
            <a:effectRef idx="1">
              <a:schemeClr val="accent5"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  <p:txBody>
            <a:bodyPr spcFirstLastPara="0" vert="horz" wrap="square" lIns="227584" tIns="130048" rIns="227584" bIns="130048" numCol="1" spcCol="1270" anchor="ctr" anchorCtr="0">
              <a:noAutofit/>
            </a:bodyPr>
            <a:lstStyle/>
            <a:p>
              <a:pPr marL="0" lvl="0" indent="0" algn="ctr" defTabSz="14224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3200" b="1" kern="1200" dirty="0"/>
                <a:t>Luar </a:t>
              </a:r>
              <a:br>
                <a:rPr lang="id-ID" sz="3200" b="1" kern="1200" dirty="0"/>
              </a:br>
              <a:r>
                <a:rPr lang="id-ID" sz="3200" b="1" kern="1200" dirty="0"/>
                <a:t>Jaringan</a:t>
              </a:r>
            </a:p>
          </p:txBody>
        </p:sp>
        <p:sp>
          <p:nvSpPr>
            <p:cNvPr id="17" name="Freeform: Shape 16">
              <a:extLst>
                <a:ext uri="{FF2B5EF4-FFF2-40B4-BE49-F238E27FC236}">
                  <a16:creationId xmlns:a16="http://schemas.microsoft.com/office/drawing/2014/main" id="{0387F69A-E3ED-485F-B45A-CF5C54BAA40C}"/>
                </a:ext>
              </a:extLst>
            </p:cNvPr>
            <p:cNvSpPr/>
            <p:nvPr/>
          </p:nvSpPr>
          <p:spPr>
            <a:xfrm>
              <a:off x="770295" y="2302770"/>
              <a:ext cx="3295342" cy="3859469"/>
            </a:xfrm>
            <a:custGeom>
              <a:avLst/>
              <a:gdLst>
                <a:gd name="connsiteX0" fmla="*/ 0 w 3295342"/>
                <a:gd name="connsiteY0" fmla="*/ 0 h 3859469"/>
                <a:gd name="connsiteX1" fmla="*/ 3295342 w 3295342"/>
                <a:gd name="connsiteY1" fmla="*/ 0 h 3859469"/>
                <a:gd name="connsiteX2" fmla="*/ 3295342 w 3295342"/>
                <a:gd name="connsiteY2" fmla="*/ 3859469 h 3859469"/>
                <a:gd name="connsiteX3" fmla="*/ 0 w 3295342"/>
                <a:gd name="connsiteY3" fmla="*/ 3859469 h 3859469"/>
                <a:gd name="connsiteX4" fmla="*/ 0 w 3295342"/>
                <a:gd name="connsiteY4" fmla="*/ 0 h 38594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295342" h="3859469">
                  <a:moveTo>
                    <a:pt x="0" y="0"/>
                  </a:moveTo>
                  <a:lnTo>
                    <a:pt x="3295342" y="0"/>
                  </a:lnTo>
                  <a:lnTo>
                    <a:pt x="3295342" y="3859469"/>
                  </a:lnTo>
                  <a:lnTo>
                    <a:pt x="0" y="3859469"/>
                  </a:lnTo>
                  <a:lnTo>
                    <a:pt x="0" y="0"/>
                  </a:lnTo>
                  <a:close/>
                </a:path>
              </a:pathLst>
            </a:custGeom>
          </p:spPr>
          <p:style>
            <a:lnRef idx="2">
              <a:schemeClr val="accent5">
                <a:tint val="40000"/>
                <a:alpha val="90000"/>
                <a:hueOff val="0"/>
                <a:satOff val="0"/>
                <a:lumOff val="0"/>
                <a:alphaOff val="0"/>
              </a:schemeClr>
            </a:lnRef>
            <a:fillRef idx="1">
              <a:schemeClr val="accent5">
                <a:tint val="40000"/>
                <a:alpha val="90000"/>
                <a:hueOff val="0"/>
                <a:satOff val="0"/>
                <a:lumOff val="0"/>
                <a:alphaOff val="0"/>
              </a:schemeClr>
            </a:fillRef>
            <a:effectRef idx="0">
              <a:schemeClr val="accent5">
                <a:tint val="40000"/>
                <a:alpha val="9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138684" tIns="138684" rIns="184912" bIns="208026" numCol="1" spcCol="1270" anchor="t" anchorCtr="0">
              <a:noAutofit/>
            </a:bodyPr>
            <a:lstStyle/>
            <a:p>
              <a:pPr marL="228600" lvl="1" indent="-228600" algn="l" defTabSz="11557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"/>
              </a:pPr>
              <a:r>
                <a:rPr lang="id-ID" sz="2600" b="1" i="1" kern="1200" dirty="0"/>
                <a:t>Visiting</a:t>
              </a:r>
              <a:r>
                <a:rPr lang="id-ID" sz="2600" b="1" kern="1200" dirty="0"/>
                <a:t> </a:t>
              </a:r>
              <a:r>
                <a:rPr lang="id-ID" sz="2600" kern="1200" dirty="0"/>
                <a:t>(protokol kesehatan)</a:t>
              </a:r>
            </a:p>
            <a:p>
              <a:pPr marL="228600" lvl="1" indent="-228600" algn="l" defTabSz="11557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"/>
              </a:pPr>
              <a:r>
                <a:rPr lang="id-ID" sz="2600" b="1" i="1" kern="1200" dirty="0"/>
                <a:t>Modul </a:t>
              </a:r>
              <a:r>
                <a:rPr lang="id-ID" sz="2600" b="0" i="1" kern="1200" dirty="0"/>
                <a:t>&amp; </a:t>
              </a:r>
              <a:r>
                <a:rPr lang="id-ID" sz="2600" b="1" i="1" kern="1200" dirty="0"/>
                <a:t>Alat Peraga</a:t>
              </a:r>
              <a:endParaRPr lang="id-ID" sz="2600" b="1" kern="1200" dirty="0"/>
            </a:p>
            <a:p>
              <a:pPr marL="228600" lvl="1" indent="-228600" algn="l" defTabSz="11557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"/>
              </a:pPr>
              <a:r>
                <a:rPr lang="id-ID" sz="2600" b="1" i="1" kern="1200" dirty="0"/>
                <a:t>Lembar kerja </a:t>
              </a:r>
              <a:r>
                <a:rPr lang="id-ID" sz="2600" i="1" kern="1200" dirty="0"/>
                <a:t>(kerjasama)</a:t>
              </a:r>
              <a:endParaRPr lang="id-ID" sz="2600" kern="1200" dirty="0"/>
            </a:p>
            <a:p>
              <a:pPr marL="228600" lvl="1" indent="-228600" algn="l" defTabSz="11557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"/>
              </a:pPr>
              <a:r>
                <a:rPr lang="id-ID" sz="2600" b="1" i="1" kern="1200" dirty="0"/>
                <a:t>Radio </a:t>
              </a:r>
              <a:r>
                <a:rPr lang="id-ID" sz="2600" b="1" kern="1200" dirty="0"/>
                <a:t>dan </a:t>
              </a:r>
              <a:r>
                <a:rPr lang="id-ID" sz="2600" b="1" i="1" kern="1200" dirty="0"/>
                <a:t>TV lokal </a:t>
              </a:r>
              <a:r>
                <a:rPr lang="id-ID" sz="2600" kern="1200" dirty="0"/>
                <a:t>(kerjasama)</a:t>
              </a:r>
            </a:p>
          </p:txBody>
        </p:sp>
      </p:grpSp>
      <p:grpSp>
        <p:nvGrpSpPr>
          <p:cNvPr id="23" name="Group 22">
            <a:extLst>
              <a:ext uri="{FF2B5EF4-FFF2-40B4-BE49-F238E27FC236}">
                <a16:creationId xmlns:a16="http://schemas.microsoft.com/office/drawing/2014/main" id="{36F0E22F-C0ED-4DA5-A96A-458EB1BE0BCC}"/>
              </a:ext>
            </a:extLst>
          </p:cNvPr>
          <p:cNvGrpSpPr/>
          <p:nvPr/>
        </p:nvGrpSpPr>
        <p:grpSpPr>
          <a:xfrm>
            <a:off x="4526986" y="1214958"/>
            <a:ext cx="3295342" cy="4966945"/>
            <a:chOff x="4526986" y="1195294"/>
            <a:chExt cx="3295342" cy="4966945"/>
          </a:xfrm>
        </p:grpSpPr>
        <p:sp>
          <p:nvSpPr>
            <p:cNvPr id="18" name="Freeform: Shape 17">
              <a:extLst>
                <a:ext uri="{FF2B5EF4-FFF2-40B4-BE49-F238E27FC236}">
                  <a16:creationId xmlns:a16="http://schemas.microsoft.com/office/drawing/2014/main" id="{2CB50005-9461-4945-B9D5-3B9441C14ACF}"/>
                </a:ext>
              </a:extLst>
            </p:cNvPr>
            <p:cNvSpPr/>
            <p:nvPr/>
          </p:nvSpPr>
          <p:spPr>
            <a:xfrm>
              <a:off x="4526986" y="1195294"/>
              <a:ext cx="3295342" cy="1107476"/>
            </a:xfrm>
            <a:custGeom>
              <a:avLst/>
              <a:gdLst>
                <a:gd name="connsiteX0" fmla="*/ 0 w 3295342"/>
                <a:gd name="connsiteY0" fmla="*/ 0 h 1107476"/>
                <a:gd name="connsiteX1" fmla="*/ 3295342 w 3295342"/>
                <a:gd name="connsiteY1" fmla="*/ 0 h 1107476"/>
                <a:gd name="connsiteX2" fmla="*/ 3295342 w 3295342"/>
                <a:gd name="connsiteY2" fmla="*/ 1107476 h 1107476"/>
                <a:gd name="connsiteX3" fmla="*/ 0 w 3295342"/>
                <a:gd name="connsiteY3" fmla="*/ 1107476 h 1107476"/>
                <a:gd name="connsiteX4" fmla="*/ 0 w 3295342"/>
                <a:gd name="connsiteY4" fmla="*/ 0 h 110747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295342" h="1107476">
                  <a:moveTo>
                    <a:pt x="0" y="0"/>
                  </a:moveTo>
                  <a:lnTo>
                    <a:pt x="3295342" y="0"/>
                  </a:lnTo>
                  <a:lnTo>
                    <a:pt x="3295342" y="1107476"/>
                  </a:lnTo>
                  <a:lnTo>
                    <a:pt x="0" y="1107476"/>
                  </a:lnTo>
                  <a:lnTo>
                    <a:pt x="0" y="0"/>
                  </a:lnTo>
                  <a:close/>
                </a:path>
              </a:pathLst>
            </a:custGeom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5">
                <a:hueOff val="-3676672"/>
                <a:satOff val="-5114"/>
                <a:lumOff val="-1961"/>
                <a:alphaOff val="0"/>
              </a:schemeClr>
            </a:lnRef>
            <a:fillRef idx="1">
              <a:schemeClr val="accent5">
                <a:hueOff val="-3676672"/>
                <a:satOff val="-5114"/>
                <a:lumOff val="-1961"/>
                <a:alphaOff val="0"/>
              </a:schemeClr>
            </a:fillRef>
            <a:effectRef idx="1">
              <a:schemeClr val="accent5">
                <a:hueOff val="-3676672"/>
                <a:satOff val="-5114"/>
                <a:lumOff val="-1961"/>
                <a:alphaOff val="0"/>
              </a:schemeClr>
            </a:effectRef>
            <a:fontRef idx="minor">
              <a:schemeClr val="lt1"/>
            </a:fontRef>
          </p:style>
          <p:txBody>
            <a:bodyPr spcFirstLastPara="0" vert="horz" wrap="square" lIns="227584" tIns="130048" rIns="227584" bIns="130048" numCol="1" spcCol="1270" anchor="ctr" anchorCtr="0">
              <a:noAutofit/>
            </a:bodyPr>
            <a:lstStyle/>
            <a:p>
              <a:pPr marL="0" lvl="0" indent="0" algn="ctr" defTabSz="14224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3200" b="1" kern="1200" dirty="0"/>
                <a:t>Dalam Jaringan</a:t>
              </a:r>
            </a:p>
          </p:txBody>
        </p:sp>
        <p:sp>
          <p:nvSpPr>
            <p:cNvPr id="19" name="Freeform: Shape 18">
              <a:extLst>
                <a:ext uri="{FF2B5EF4-FFF2-40B4-BE49-F238E27FC236}">
                  <a16:creationId xmlns:a16="http://schemas.microsoft.com/office/drawing/2014/main" id="{AA51A977-D6EC-471E-A9C0-FF46AC4AD754}"/>
                </a:ext>
              </a:extLst>
            </p:cNvPr>
            <p:cNvSpPr/>
            <p:nvPr/>
          </p:nvSpPr>
          <p:spPr>
            <a:xfrm>
              <a:off x="4526986" y="2302770"/>
              <a:ext cx="3295342" cy="3859469"/>
            </a:xfrm>
            <a:custGeom>
              <a:avLst/>
              <a:gdLst>
                <a:gd name="connsiteX0" fmla="*/ 0 w 3295342"/>
                <a:gd name="connsiteY0" fmla="*/ 0 h 3859469"/>
                <a:gd name="connsiteX1" fmla="*/ 3295342 w 3295342"/>
                <a:gd name="connsiteY1" fmla="*/ 0 h 3859469"/>
                <a:gd name="connsiteX2" fmla="*/ 3295342 w 3295342"/>
                <a:gd name="connsiteY2" fmla="*/ 3859469 h 3859469"/>
                <a:gd name="connsiteX3" fmla="*/ 0 w 3295342"/>
                <a:gd name="connsiteY3" fmla="*/ 3859469 h 3859469"/>
                <a:gd name="connsiteX4" fmla="*/ 0 w 3295342"/>
                <a:gd name="connsiteY4" fmla="*/ 0 h 38594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295342" h="3859469">
                  <a:moveTo>
                    <a:pt x="0" y="0"/>
                  </a:moveTo>
                  <a:lnTo>
                    <a:pt x="3295342" y="0"/>
                  </a:lnTo>
                  <a:lnTo>
                    <a:pt x="3295342" y="3859469"/>
                  </a:lnTo>
                  <a:lnTo>
                    <a:pt x="0" y="3859469"/>
                  </a:lnTo>
                  <a:lnTo>
                    <a:pt x="0" y="0"/>
                  </a:lnTo>
                  <a:close/>
                </a:path>
              </a:pathLst>
            </a:custGeom>
          </p:spPr>
          <p:style>
            <a:lnRef idx="2">
              <a:schemeClr val="accent5">
                <a:tint val="40000"/>
                <a:alpha val="90000"/>
                <a:hueOff val="-3695877"/>
                <a:satOff val="-6408"/>
                <a:lumOff val="-644"/>
                <a:alphaOff val="0"/>
              </a:schemeClr>
            </a:lnRef>
            <a:fillRef idx="1">
              <a:schemeClr val="accent5">
                <a:tint val="40000"/>
                <a:alpha val="90000"/>
                <a:hueOff val="-3695877"/>
                <a:satOff val="-6408"/>
                <a:lumOff val="-644"/>
                <a:alphaOff val="0"/>
              </a:schemeClr>
            </a:fillRef>
            <a:effectRef idx="0">
              <a:schemeClr val="accent5">
                <a:tint val="40000"/>
                <a:alpha val="90000"/>
                <a:hueOff val="-3695877"/>
                <a:satOff val="-6408"/>
                <a:lumOff val="-644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138684" tIns="138684" rIns="184912" bIns="208026" numCol="1" spcCol="1270" anchor="t" anchorCtr="0">
              <a:noAutofit/>
            </a:bodyPr>
            <a:lstStyle/>
            <a:p>
              <a:pPr marL="228600" lvl="1" indent="-228600" algn="l" defTabSz="11557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"/>
              </a:pPr>
              <a:r>
                <a:rPr lang="id-ID" sz="2500" b="1" i="1" kern="1200" dirty="0"/>
                <a:t>Media Social </a:t>
              </a:r>
              <a:r>
                <a:rPr lang="id-ID" sz="2500" b="1" kern="1200" dirty="0"/>
                <a:t>:</a:t>
              </a:r>
              <a:r>
                <a:rPr lang="id-ID" sz="2500" kern="1200" dirty="0"/>
                <a:t> WhatsApp, Line Telegram, Youtube, </a:t>
              </a:r>
            </a:p>
            <a:p>
              <a:pPr marL="228600" lvl="1" indent="-228600" algn="l" defTabSz="11557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"/>
              </a:pPr>
              <a:r>
                <a:rPr lang="id-ID" sz="2500" b="1" i="1" kern="1200" dirty="0"/>
                <a:t>LMS: </a:t>
              </a:r>
              <a:r>
                <a:rPr lang="id-ID" sz="2500" b="0" kern="1200" dirty="0"/>
                <a:t>Google Classroom, Microsoft Team, Edmodo, Moodle, </a:t>
              </a:r>
            </a:p>
            <a:p>
              <a:pPr marL="228600" lvl="1" indent="-228600" algn="l" defTabSz="1155700">
                <a:lnSpc>
                  <a:spcPct val="90000"/>
                </a:lnSpc>
                <a:spcBef>
                  <a:spcPct val="0"/>
                </a:spcBef>
                <a:spcAft>
                  <a:spcPct val="15000"/>
                </a:spcAft>
                <a:buChar char="•"/>
              </a:pPr>
              <a:r>
                <a:rPr lang="id-ID" sz="2500" b="1" kern="1200" dirty="0"/>
                <a:t>Tatap Maya: </a:t>
              </a:r>
              <a:r>
                <a:rPr lang="id-ID" sz="2500" kern="1200" dirty="0"/>
                <a:t>Zoom, Google Meet, Streamyard.</a:t>
              </a:r>
              <a:endParaRPr lang="id-ID" sz="2500" b="1" kern="1200" dirty="0"/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69DAC316-88F1-4D7D-B826-B19B970D2A54}"/>
              </a:ext>
            </a:extLst>
          </p:cNvPr>
          <p:cNvGrpSpPr/>
          <p:nvPr/>
        </p:nvGrpSpPr>
        <p:grpSpPr>
          <a:xfrm>
            <a:off x="8283677" y="1214958"/>
            <a:ext cx="3295342" cy="4966945"/>
            <a:chOff x="8283677" y="1195294"/>
            <a:chExt cx="3295342" cy="4966945"/>
          </a:xfrm>
        </p:grpSpPr>
        <p:sp>
          <p:nvSpPr>
            <p:cNvPr id="20" name="Freeform: Shape 19">
              <a:extLst>
                <a:ext uri="{FF2B5EF4-FFF2-40B4-BE49-F238E27FC236}">
                  <a16:creationId xmlns:a16="http://schemas.microsoft.com/office/drawing/2014/main" id="{CE4EE4E2-7C5E-446E-BED6-7F0313AD21DC}"/>
                </a:ext>
              </a:extLst>
            </p:cNvPr>
            <p:cNvSpPr/>
            <p:nvPr/>
          </p:nvSpPr>
          <p:spPr>
            <a:xfrm>
              <a:off x="8283677" y="1195294"/>
              <a:ext cx="3295342" cy="1107476"/>
            </a:xfrm>
            <a:custGeom>
              <a:avLst/>
              <a:gdLst>
                <a:gd name="connsiteX0" fmla="*/ 0 w 3295342"/>
                <a:gd name="connsiteY0" fmla="*/ 0 h 1107476"/>
                <a:gd name="connsiteX1" fmla="*/ 3295342 w 3295342"/>
                <a:gd name="connsiteY1" fmla="*/ 0 h 1107476"/>
                <a:gd name="connsiteX2" fmla="*/ 3295342 w 3295342"/>
                <a:gd name="connsiteY2" fmla="*/ 1107476 h 1107476"/>
                <a:gd name="connsiteX3" fmla="*/ 0 w 3295342"/>
                <a:gd name="connsiteY3" fmla="*/ 1107476 h 1107476"/>
                <a:gd name="connsiteX4" fmla="*/ 0 w 3295342"/>
                <a:gd name="connsiteY4" fmla="*/ 0 h 110747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295342" h="1107476">
                  <a:moveTo>
                    <a:pt x="0" y="0"/>
                  </a:moveTo>
                  <a:lnTo>
                    <a:pt x="3295342" y="0"/>
                  </a:lnTo>
                  <a:lnTo>
                    <a:pt x="3295342" y="1107476"/>
                  </a:lnTo>
                  <a:lnTo>
                    <a:pt x="0" y="1107476"/>
                  </a:lnTo>
                  <a:lnTo>
                    <a:pt x="0" y="0"/>
                  </a:lnTo>
                  <a:close/>
                </a:path>
              </a:pathLst>
            </a:custGeom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5">
                <a:hueOff val="-7353344"/>
                <a:satOff val="-10228"/>
                <a:lumOff val="-3922"/>
                <a:alphaOff val="0"/>
              </a:schemeClr>
            </a:lnRef>
            <a:fillRef idx="1">
              <a:schemeClr val="accent5">
                <a:hueOff val="-7353344"/>
                <a:satOff val="-10228"/>
                <a:lumOff val="-3922"/>
                <a:alphaOff val="0"/>
              </a:schemeClr>
            </a:fillRef>
            <a:effectRef idx="1">
              <a:schemeClr val="accent5">
                <a:hueOff val="-7353344"/>
                <a:satOff val="-10228"/>
                <a:lumOff val="-3922"/>
                <a:alphaOff val="0"/>
              </a:schemeClr>
            </a:effectRef>
            <a:fontRef idx="minor">
              <a:schemeClr val="lt1"/>
            </a:fontRef>
          </p:style>
          <p:txBody>
            <a:bodyPr spcFirstLastPara="0" vert="horz" wrap="square" lIns="227584" tIns="130048" rIns="227584" bIns="130048" numCol="1" spcCol="1270" anchor="ctr" anchorCtr="0">
              <a:noAutofit/>
            </a:bodyPr>
            <a:lstStyle/>
            <a:p>
              <a:pPr marL="0" lvl="0" indent="0" algn="ctr" defTabSz="14224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3200" b="1" kern="1200" dirty="0"/>
                <a:t>Pembuat Konten</a:t>
              </a:r>
            </a:p>
          </p:txBody>
        </p:sp>
        <p:sp>
          <p:nvSpPr>
            <p:cNvPr id="21" name="Freeform: Shape 20">
              <a:extLst>
                <a:ext uri="{FF2B5EF4-FFF2-40B4-BE49-F238E27FC236}">
                  <a16:creationId xmlns:a16="http://schemas.microsoft.com/office/drawing/2014/main" id="{97DFEACF-4BD5-42D2-982E-DC002C0D960A}"/>
                </a:ext>
              </a:extLst>
            </p:cNvPr>
            <p:cNvSpPr/>
            <p:nvPr/>
          </p:nvSpPr>
          <p:spPr>
            <a:xfrm>
              <a:off x="8283677" y="2302770"/>
              <a:ext cx="3295342" cy="3859469"/>
            </a:xfrm>
            <a:custGeom>
              <a:avLst/>
              <a:gdLst>
                <a:gd name="connsiteX0" fmla="*/ 0 w 3295342"/>
                <a:gd name="connsiteY0" fmla="*/ 0 h 3859469"/>
                <a:gd name="connsiteX1" fmla="*/ 3295342 w 3295342"/>
                <a:gd name="connsiteY1" fmla="*/ 0 h 3859469"/>
                <a:gd name="connsiteX2" fmla="*/ 3295342 w 3295342"/>
                <a:gd name="connsiteY2" fmla="*/ 3859469 h 3859469"/>
                <a:gd name="connsiteX3" fmla="*/ 0 w 3295342"/>
                <a:gd name="connsiteY3" fmla="*/ 3859469 h 3859469"/>
                <a:gd name="connsiteX4" fmla="*/ 0 w 3295342"/>
                <a:gd name="connsiteY4" fmla="*/ 0 h 38594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295342" h="3859469">
                  <a:moveTo>
                    <a:pt x="0" y="0"/>
                  </a:moveTo>
                  <a:lnTo>
                    <a:pt x="3295342" y="0"/>
                  </a:lnTo>
                  <a:lnTo>
                    <a:pt x="3295342" y="3859469"/>
                  </a:lnTo>
                  <a:lnTo>
                    <a:pt x="0" y="3859469"/>
                  </a:lnTo>
                  <a:lnTo>
                    <a:pt x="0" y="0"/>
                  </a:lnTo>
                  <a:close/>
                </a:path>
              </a:pathLst>
            </a:custGeom>
          </p:spPr>
          <p:style>
            <a:lnRef idx="2">
              <a:schemeClr val="accent5">
                <a:tint val="40000"/>
                <a:alpha val="90000"/>
                <a:hueOff val="-7391755"/>
                <a:satOff val="-12816"/>
                <a:lumOff val="-1289"/>
                <a:alphaOff val="0"/>
              </a:schemeClr>
            </a:lnRef>
            <a:fillRef idx="1">
              <a:schemeClr val="accent5">
                <a:tint val="40000"/>
                <a:alpha val="90000"/>
                <a:hueOff val="-7391755"/>
                <a:satOff val="-12816"/>
                <a:lumOff val="-1289"/>
                <a:alphaOff val="0"/>
              </a:schemeClr>
            </a:fillRef>
            <a:effectRef idx="0">
              <a:schemeClr val="accent5">
                <a:tint val="40000"/>
                <a:alpha val="90000"/>
                <a:hueOff val="-7391755"/>
                <a:satOff val="-12816"/>
                <a:lumOff val="-1289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149352" tIns="149352" rIns="199136" bIns="224028" numCol="1" spcCol="1270" anchor="t" anchorCtr="0">
              <a:noAutofit/>
            </a:bodyPr>
            <a:lstStyle/>
            <a:p>
              <a:pPr marL="285750" lvl="1" indent="-285750" algn="l" defTabSz="1244600">
                <a:lnSpc>
                  <a:spcPct val="90000"/>
                </a:lnSpc>
                <a:spcBef>
                  <a:spcPct val="0"/>
                </a:spcBef>
                <a:spcAft>
                  <a:spcPts val="1200"/>
                </a:spcAft>
                <a:buChar char="•"/>
              </a:pPr>
              <a:r>
                <a:rPr lang="id-ID" sz="2800" kern="1200" dirty="0"/>
                <a:t>PowerPoint</a:t>
              </a:r>
            </a:p>
            <a:p>
              <a:pPr marL="285750" lvl="1" indent="-285750" algn="l" defTabSz="1244600">
                <a:lnSpc>
                  <a:spcPct val="90000"/>
                </a:lnSpc>
                <a:spcBef>
                  <a:spcPct val="0"/>
                </a:spcBef>
                <a:spcAft>
                  <a:spcPts val="1200"/>
                </a:spcAft>
                <a:buChar char="•"/>
              </a:pPr>
              <a:r>
                <a:rPr lang="id-ID" sz="2800" kern="1200" dirty="0"/>
                <a:t>Camtasia</a:t>
              </a:r>
            </a:p>
            <a:p>
              <a:pPr marL="285750" lvl="1" indent="-285750" algn="l" defTabSz="1244600">
                <a:lnSpc>
                  <a:spcPct val="90000"/>
                </a:lnSpc>
                <a:spcBef>
                  <a:spcPct val="0"/>
                </a:spcBef>
                <a:spcAft>
                  <a:spcPts val="1200"/>
                </a:spcAft>
                <a:buChar char="•"/>
              </a:pPr>
              <a:r>
                <a:rPr lang="id-ID" sz="2800" kern="1200" dirty="0"/>
                <a:t>iSpring</a:t>
              </a:r>
            </a:p>
            <a:p>
              <a:pPr marL="285750" lvl="1" indent="-285750" algn="l" defTabSz="1244600">
                <a:lnSpc>
                  <a:spcPct val="90000"/>
                </a:lnSpc>
                <a:spcBef>
                  <a:spcPct val="0"/>
                </a:spcBef>
                <a:spcAft>
                  <a:spcPts val="1200"/>
                </a:spcAft>
                <a:buChar char="•"/>
              </a:pPr>
              <a:r>
                <a:rPr lang="id-ID" sz="2800" kern="1200" dirty="0"/>
                <a:t>Lectora Ispire</a:t>
              </a:r>
            </a:p>
            <a:p>
              <a:pPr marL="285750" lvl="1" indent="-285750" algn="l" defTabSz="1244600">
                <a:lnSpc>
                  <a:spcPct val="90000"/>
                </a:lnSpc>
                <a:spcBef>
                  <a:spcPct val="0"/>
                </a:spcBef>
                <a:spcAft>
                  <a:spcPts val="1200"/>
                </a:spcAft>
                <a:buChar char="•"/>
              </a:pPr>
              <a:r>
                <a:rPr lang="id-ID" sz="2800" kern="1200" dirty="0"/>
                <a:t>quizizz.com</a:t>
              </a:r>
            </a:p>
            <a:p>
              <a:pPr marL="285750" lvl="1" indent="-285750" algn="l" defTabSz="1244600">
                <a:lnSpc>
                  <a:spcPct val="90000"/>
                </a:lnSpc>
                <a:spcBef>
                  <a:spcPct val="0"/>
                </a:spcBef>
                <a:spcAft>
                  <a:spcPts val="1200"/>
                </a:spcAft>
                <a:buChar char="•"/>
              </a:pPr>
              <a:r>
                <a:rPr lang="id-ID" sz="2800" kern="1200" dirty="0"/>
                <a:t>kahoot.it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3831532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3EA86BF5-23CC-4178-B57E-D9941C2F27B1}"/>
              </a:ext>
            </a:extLst>
          </p:cNvPr>
          <p:cNvGrpSpPr/>
          <p:nvPr/>
        </p:nvGrpSpPr>
        <p:grpSpPr>
          <a:xfrm>
            <a:off x="9777439" y="-267313"/>
            <a:ext cx="2554673" cy="2319503"/>
            <a:chOff x="9637328" y="5019675"/>
            <a:chExt cx="2554673" cy="2319503"/>
          </a:xfrm>
        </p:grpSpPr>
        <p:sp>
          <p:nvSpPr>
            <p:cNvPr id="26" name="Oval 25">
              <a:extLst>
                <a:ext uri="{FF2B5EF4-FFF2-40B4-BE49-F238E27FC236}">
                  <a16:creationId xmlns:a16="http://schemas.microsoft.com/office/drawing/2014/main" id="{C964A790-20CF-497D-A0AF-6062D423C47B}"/>
                </a:ext>
              </a:extLst>
            </p:cNvPr>
            <p:cNvSpPr/>
            <p:nvPr/>
          </p:nvSpPr>
          <p:spPr>
            <a:xfrm>
              <a:off x="10058401" y="5019675"/>
              <a:ext cx="2133600" cy="1905000"/>
            </a:xfrm>
            <a:prstGeom prst="ellipse">
              <a:avLst/>
            </a:prstGeom>
            <a:solidFill>
              <a:srgbClr val="C1F49A"/>
            </a:solidFill>
            <a:ln>
              <a:noFill/>
            </a:ln>
          </p:spPr>
          <p:style>
            <a:lnRef idx="2">
              <a:schemeClr val="accent6">
                <a:shade val="50000"/>
              </a:schemeClr>
            </a:lnRef>
            <a:fillRef idx="1">
              <a:schemeClr val="accent6"/>
            </a:fillRef>
            <a:effectRef idx="0">
              <a:schemeClr val="accent6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 dirty="0"/>
            </a:p>
          </p:txBody>
        </p:sp>
        <p:sp>
          <p:nvSpPr>
            <p:cNvPr id="27" name="TextBox 26">
              <a:extLst>
                <a:ext uri="{FF2B5EF4-FFF2-40B4-BE49-F238E27FC236}">
                  <a16:creationId xmlns:a16="http://schemas.microsoft.com/office/drawing/2014/main" id="{88DDFCB5-AEC5-4A7F-AF49-5F77CD46D729}"/>
                </a:ext>
              </a:extLst>
            </p:cNvPr>
            <p:cNvSpPr txBox="1"/>
            <p:nvPr/>
          </p:nvSpPr>
          <p:spPr>
            <a:xfrm>
              <a:off x="10185297" y="5493482"/>
              <a:ext cx="1571625" cy="132343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id-ID" sz="1600" dirty="0"/>
                <a:t>Tak ada teknologi yang unggul bagi semua kondisi belajar</a:t>
              </a:r>
            </a:p>
          </p:txBody>
        </p:sp>
        <p:sp>
          <p:nvSpPr>
            <p:cNvPr id="28" name="Oval 27">
              <a:extLst>
                <a:ext uri="{FF2B5EF4-FFF2-40B4-BE49-F238E27FC236}">
                  <a16:creationId xmlns:a16="http://schemas.microsoft.com/office/drawing/2014/main" id="{AEA3D92B-8FB2-4F1D-B072-B0FA2ECDE6A0}"/>
                </a:ext>
              </a:extLst>
            </p:cNvPr>
            <p:cNvSpPr/>
            <p:nvPr/>
          </p:nvSpPr>
          <p:spPr>
            <a:xfrm>
              <a:off x="9637328" y="5514318"/>
              <a:ext cx="367863" cy="367863"/>
            </a:xfrm>
            <a:prstGeom prst="ellipse">
              <a:avLst/>
            </a:prstGeom>
            <a:solidFill>
              <a:srgbClr val="C1F49A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  <p:sp>
          <p:nvSpPr>
            <p:cNvPr id="29" name="Oval 28">
              <a:extLst>
                <a:ext uri="{FF2B5EF4-FFF2-40B4-BE49-F238E27FC236}">
                  <a16:creationId xmlns:a16="http://schemas.microsoft.com/office/drawing/2014/main" id="{E580EB75-BF31-4A2D-AC39-7D4CF454EFDD}"/>
                </a:ext>
              </a:extLst>
            </p:cNvPr>
            <p:cNvSpPr/>
            <p:nvPr/>
          </p:nvSpPr>
          <p:spPr>
            <a:xfrm>
              <a:off x="11181364" y="6971315"/>
              <a:ext cx="367863" cy="367863"/>
            </a:xfrm>
            <a:prstGeom prst="ellipse">
              <a:avLst/>
            </a:prstGeom>
            <a:solidFill>
              <a:srgbClr val="C1F49A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</p:grpSp>
      <p:sp>
        <p:nvSpPr>
          <p:cNvPr id="30" name="Title 1">
            <a:extLst>
              <a:ext uri="{FF2B5EF4-FFF2-40B4-BE49-F238E27FC236}">
                <a16:creationId xmlns:a16="http://schemas.microsoft.com/office/drawing/2014/main" id="{DCFFBE96-9692-4276-B542-6DD64741DA4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781102" y="459629"/>
            <a:ext cx="8629796" cy="769550"/>
          </a:xfrm>
        </p:spPr>
        <p:txBody>
          <a:bodyPr>
            <a:noAutofit/>
          </a:bodyPr>
          <a:lstStyle/>
          <a:p>
            <a:pPr algn="ctr"/>
            <a:r>
              <a:rPr lang="id-ID" sz="3600" b="1" dirty="0">
                <a:solidFill>
                  <a:schemeClr val="tx1"/>
                </a:solidFill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Memilih Teknologi Pendidikan</a:t>
            </a:r>
            <a:endParaRPr lang="en-US" sz="3600" b="1" dirty="0">
              <a:solidFill>
                <a:schemeClr val="tx1"/>
              </a:solidFill>
              <a:latin typeface="+mj-lt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98D4FEF5-7C3C-4F6B-9D0C-B1DDE6FF11DF}"/>
              </a:ext>
            </a:extLst>
          </p:cNvPr>
          <p:cNvGrpSpPr/>
          <p:nvPr/>
        </p:nvGrpSpPr>
        <p:grpSpPr>
          <a:xfrm>
            <a:off x="1124433" y="1387301"/>
            <a:ext cx="4660277" cy="1453482"/>
            <a:chOff x="1325156" y="1387301"/>
            <a:chExt cx="4660277" cy="1453482"/>
          </a:xfrm>
        </p:grpSpPr>
        <p:sp>
          <p:nvSpPr>
            <p:cNvPr id="6" name="Freeform: Shape 5">
              <a:extLst>
                <a:ext uri="{FF2B5EF4-FFF2-40B4-BE49-F238E27FC236}">
                  <a16:creationId xmlns:a16="http://schemas.microsoft.com/office/drawing/2014/main" id="{41A82C6A-EB23-4C68-8A3A-BA1DCC59A060}"/>
                </a:ext>
              </a:extLst>
            </p:cNvPr>
            <p:cNvSpPr/>
            <p:nvPr/>
          </p:nvSpPr>
          <p:spPr>
            <a:xfrm>
              <a:off x="1921326" y="1570750"/>
              <a:ext cx="4064107" cy="1270033"/>
            </a:xfrm>
            <a:custGeom>
              <a:avLst/>
              <a:gdLst>
                <a:gd name="connsiteX0" fmla="*/ 0 w 4064107"/>
                <a:gd name="connsiteY0" fmla="*/ 0 h 1270033"/>
                <a:gd name="connsiteX1" fmla="*/ 4064107 w 4064107"/>
                <a:gd name="connsiteY1" fmla="*/ 0 h 1270033"/>
                <a:gd name="connsiteX2" fmla="*/ 4064107 w 4064107"/>
                <a:gd name="connsiteY2" fmla="*/ 1270033 h 1270033"/>
                <a:gd name="connsiteX3" fmla="*/ 0 w 4064107"/>
                <a:gd name="connsiteY3" fmla="*/ 1270033 h 1270033"/>
                <a:gd name="connsiteX4" fmla="*/ 0 w 4064107"/>
                <a:gd name="connsiteY4" fmla="*/ 0 h 12700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4064107" h="1270033">
                  <a:moveTo>
                    <a:pt x="0" y="0"/>
                  </a:moveTo>
                  <a:lnTo>
                    <a:pt x="4064107" y="0"/>
                  </a:lnTo>
                  <a:lnTo>
                    <a:pt x="4064107" y="1270033"/>
                  </a:lnTo>
                  <a:lnTo>
                    <a:pt x="0" y="1270033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rgbClr val="00B0F0"/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60236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Seting Pembelajaran</a:t>
              </a:r>
            </a:p>
          </p:txBody>
        </p:sp>
        <p:sp>
          <p:nvSpPr>
            <p:cNvPr id="7" name="Rectangle 6" descr="Classroom">
              <a:extLst>
                <a:ext uri="{FF2B5EF4-FFF2-40B4-BE49-F238E27FC236}">
                  <a16:creationId xmlns:a16="http://schemas.microsoft.com/office/drawing/2014/main" id="{BE7B0744-EAB4-41F9-94FC-E2DFD4C70ED3}"/>
                </a:ext>
              </a:extLst>
            </p:cNvPr>
            <p:cNvSpPr/>
            <p:nvPr/>
          </p:nvSpPr>
          <p:spPr>
            <a:xfrm>
              <a:off x="1325156" y="1387301"/>
              <a:ext cx="1140545" cy="1333535"/>
            </a:xfrm>
            <a:prstGeom prst="rect">
              <a:avLst/>
            </a:prstGeom>
            <a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4"/>
                  </a:ext>
                </a:extLst>
              </a:blip>
              <a:srcRect/>
              <a:stretch>
                <a:fillRect l="-8000" r="-8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0"/>
                <a:satOff val="0"/>
                <a:lumOff val="0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64F7BE61-44AE-4E80-AB0D-53360E7FCE1E}"/>
              </a:ext>
            </a:extLst>
          </p:cNvPr>
          <p:cNvGrpSpPr/>
          <p:nvPr/>
        </p:nvGrpSpPr>
        <p:grpSpPr>
          <a:xfrm>
            <a:off x="6407270" y="1387301"/>
            <a:ext cx="4582223" cy="1453482"/>
            <a:chOff x="6329213" y="1387301"/>
            <a:chExt cx="4582223" cy="1453482"/>
          </a:xfrm>
        </p:grpSpPr>
        <p:sp>
          <p:nvSpPr>
            <p:cNvPr id="8" name="Freeform: Shape 7">
              <a:extLst>
                <a:ext uri="{FF2B5EF4-FFF2-40B4-BE49-F238E27FC236}">
                  <a16:creationId xmlns:a16="http://schemas.microsoft.com/office/drawing/2014/main" id="{CEF09FB3-8478-4FD7-8809-AD08467D06D9}"/>
                </a:ext>
              </a:extLst>
            </p:cNvPr>
            <p:cNvSpPr/>
            <p:nvPr/>
          </p:nvSpPr>
          <p:spPr>
            <a:xfrm>
              <a:off x="6847329" y="1570750"/>
              <a:ext cx="4064107" cy="1270033"/>
            </a:xfrm>
            <a:custGeom>
              <a:avLst/>
              <a:gdLst>
                <a:gd name="connsiteX0" fmla="*/ 0 w 4064107"/>
                <a:gd name="connsiteY0" fmla="*/ 0 h 1270033"/>
                <a:gd name="connsiteX1" fmla="*/ 4064107 w 4064107"/>
                <a:gd name="connsiteY1" fmla="*/ 0 h 1270033"/>
                <a:gd name="connsiteX2" fmla="*/ 4064107 w 4064107"/>
                <a:gd name="connsiteY2" fmla="*/ 1270033 h 1270033"/>
                <a:gd name="connsiteX3" fmla="*/ 0 w 4064107"/>
                <a:gd name="connsiteY3" fmla="*/ 1270033 h 1270033"/>
                <a:gd name="connsiteX4" fmla="*/ 0 w 4064107"/>
                <a:gd name="connsiteY4" fmla="*/ 0 h 12700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4064107" h="1270033">
                  <a:moveTo>
                    <a:pt x="0" y="0"/>
                  </a:moveTo>
                  <a:lnTo>
                    <a:pt x="4064107" y="0"/>
                  </a:lnTo>
                  <a:lnTo>
                    <a:pt x="4064107" y="1270033"/>
                  </a:lnTo>
                  <a:lnTo>
                    <a:pt x="0" y="1270033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chemeClr val="accent4">
                  <a:lumMod val="50000"/>
                </a:schemeClr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60236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Mudah digunakan</a:t>
              </a:r>
            </a:p>
          </p:txBody>
        </p:sp>
        <p:sp>
          <p:nvSpPr>
            <p:cNvPr id="9" name="Rectangle 8" descr="Open hand">
              <a:extLst>
                <a:ext uri="{FF2B5EF4-FFF2-40B4-BE49-F238E27FC236}">
                  <a16:creationId xmlns:a16="http://schemas.microsoft.com/office/drawing/2014/main" id="{A5B197EE-7EAE-45D4-A182-EA28605835DF}"/>
                </a:ext>
              </a:extLst>
            </p:cNvPr>
            <p:cNvSpPr/>
            <p:nvPr/>
          </p:nvSpPr>
          <p:spPr>
            <a:xfrm>
              <a:off x="6329213" y="1387301"/>
              <a:ext cx="1140545" cy="1333535"/>
            </a:xfrm>
            <a:prstGeom prst="rect">
              <a:avLst/>
            </a:prstGeom>
            <a:blipFill>
              <a:blip r:embed="rId5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rcRect/>
              <a:stretch>
                <a:fillRect l="-8000" r="-8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2289505"/>
                <a:satOff val="-12031"/>
                <a:lumOff val="-871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22" name="Group 21">
            <a:extLst>
              <a:ext uri="{FF2B5EF4-FFF2-40B4-BE49-F238E27FC236}">
                <a16:creationId xmlns:a16="http://schemas.microsoft.com/office/drawing/2014/main" id="{E698FDD7-56DE-48B3-88E6-39754F80DE71}"/>
              </a:ext>
            </a:extLst>
          </p:cNvPr>
          <p:cNvGrpSpPr/>
          <p:nvPr/>
        </p:nvGrpSpPr>
        <p:grpSpPr>
          <a:xfrm>
            <a:off x="6407270" y="2986132"/>
            <a:ext cx="4582223" cy="1453482"/>
            <a:chOff x="6329213" y="2986132"/>
            <a:chExt cx="4582223" cy="1453482"/>
          </a:xfrm>
        </p:grpSpPr>
        <p:sp>
          <p:nvSpPr>
            <p:cNvPr id="12" name="Freeform: Shape 11">
              <a:extLst>
                <a:ext uri="{FF2B5EF4-FFF2-40B4-BE49-F238E27FC236}">
                  <a16:creationId xmlns:a16="http://schemas.microsoft.com/office/drawing/2014/main" id="{3C0AA380-7ABD-44F6-8527-20AF5DFA22C8}"/>
                </a:ext>
              </a:extLst>
            </p:cNvPr>
            <p:cNvSpPr/>
            <p:nvPr/>
          </p:nvSpPr>
          <p:spPr>
            <a:xfrm>
              <a:off x="6847329" y="3169581"/>
              <a:ext cx="4064107" cy="1270033"/>
            </a:xfrm>
            <a:custGeom>
              <a:avLst/>
              <a:gdLst>
                <a:gd name="connsiteX0" fmla="*/ 0 w 4064107"/>
                <a:gd name="connsiteY0" fmla="*/ 0 h 1270033"/>
                <a:gd name="connsiteX1" fmla="*/ 4064107 w 4064107"/>
                <a:gd name="connsiteY1" fmla="*/ 0 h 1270033"/>
                <a:gd name="connsiteX2" fmla="*/ 4064107 w 4064107"/>
                <a:gd name="connsiteY2" fmla="*/ 1270033 h 1270033"/>
                <a:gd name="connsiteX3" fmla="*/ 0 w 4064107"/>
                <a:gd name="connsiteY3" fmla="*/ 1270033 h 1270033"/>
                <a:gd name="connsiteX4" fmla="*/ 0 w 4064107"/>
                <a:gd name="connsiteY4" fmla="*/ 0 h 12700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4064107" h="1270033">
                  <a:moveTo>
                    <a:pt x="0" y="0"/>
                  </a:moveTo>
                  <a:lnTo>
                    <a:pt x="4064107" y="0"/>
                  </a:lnTo>
                  <a:lnTo>
                    <a:pt x="4064107" y="1270033"/>
                  </a:lnTo>
                  <a:lnTo>
                    <a:pt x="0" y="1270033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rgbClr val="FF0000"/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60236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Biaya</a:t>
              </a:r>
            </a:p>
          </p:txBody>
        </p:sp>
        <p:sp>
          <p:nvSpPr>
            <p:cNvPr id="13" name="Rectangle 12" descr="Money">
              <a:extLst>
                <a:ext uri="{FF2B5EF4-FFF2-40B4-BE49-F238E27FC236}">
                  <a16:creationId xmlns:a16="http://schemas.microsoft.com/office/drawing/2014/main" id="{9A97B7E8-5A68-4D59-B08A-AF83D2DEDF6A}"/>
                </a:ext>
              </a:extLst>
            </p:cNvPr>
            <p:cNvSpPr/>
            <p:nvPr/>
          </p:nvSpPr>
          <p:spPr>
            <a:xfrm>
              <a:off x="6329213" y="2986132"/>
              <a:ext cx="1140545" cy="1333535"/>
            </a:xfrm>
            <a:prstGeom prst="rect">
              <a:avLst/>
            </a:prstGeom>
            <a:blipFill>
              <a:blip r:embed="rId7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rcRect/>
              <a:stretch>
                <a:fillRect l="-8000" r="-8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6868515"/>
                <a:satOff val="-36094"/>
                <a:lumOff val="-2612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20" name="Group 19">
            <a:extLst>
              <a:ext uri="{FF2B5EF4-FFF2-40B4-BE49-F238E27FC236}">
                <a16:creationId xmlns:a16="http://schemas.microsoft.com/office/drawing/2014/main" id="{14700B39-D6DE-4280-AB4D-A33826D3FE4F}"/>
              </a:ext>
            </a:extLst>
          </p:cNvPr>
          <p:cNvGrpSpPr/>
          <p:nvPr/>
        </p:nvGrpSpPr>
        <p:grpSpPr>
          <a:xfrm>
            <a:off x="1124433" y="4584963"/>
            <a:ext cx="4660277" cy="1453482"/>
            <a:chOff x="1325156" y="4584963"/>
            <a:chExt cx="4660277" cy="1453482"/>
          </a:xfrm>
        </p:grpSpPr>
        <p:sp>
          <p:nvSpPr>
            <p:cNvPr id="14" name="Freeform: Shape 13">
              <a:extLst>
                <a:ext uri="{FF2B5EF4-FFF2-40B4-BE49-F238E27FC236}">
                  <a16:creationId xmlns:a16="http://schemas.microsoft.com/office/drawing/2014/main" id="{9BA105DC-67ED-4DA1-AC6B-C8DED99060B0}"/>
                </a:ext>
              </a:extLst>
            </p:cNvPr>
            <p:cNvSpPr/>
            <p:nvPr/>
          </p:nvSpPr>
          <p:spPr>
            <a:xfrm>
              <a:off x="1921326" y="4768412"/>
              <a:ext cx="4064107" cy="1270033"/>
            </a:xfrm>
            <a:custGeom>
              <a:avLst/>
              <a:gdLst>
                <a:gd name="connsiteX0" fmla="*/ 0 w 4064107"/>
                <a:gd name="connsiteY0" fmla="*/ 0 h 1270033"/>
                <a:gd name="connsiteX1" fmla="*/ 4064107 w 4064107"/>
                <a:gd name="connsiteY1" fmla="*/ 0 h 1270033"/>
                <a:gd name="connsiteX2" fmla="*/ 4064107 w 4064107"/>
                <a:gd name="connsiteY2" fmla="*/ 1270033 h 1270033"/>
                <a:gd name="connsiteX3" fmla="*/ 0 w 4064107"/>
                <a:gd name="connsiteY3" fmla="*/ 1270033 h 1270033"/>
                <a:gd name="connsiteX4" fmla="*/ 0 w 4064107"/>
                <a:gd name="connsiteY4" fmla="*/ 0 h 12700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4064107" h="1270033">
                  <a:moveTo>
                    <a:pt x="0" y="0"/>
                  </a:moveTo>
                  <a:lnTo>
                    <a:pt x="4064107" y="0"/>
                  </a:lnTo>
                  <a:lnTo>
                    <a:pt x="4064107" y="1270033"/>
                  </a:lnTo>
                  <a:lnTo>
                    <a:pt x="0" y="1270033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chemeClr val="tx1">
                  <a:lumMod val="50000"/>
                  <a:lumOff val="50000"/>
                </a:schemeClr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60236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Keamanan &amp; Bebas Bias</a:t>
              </a:r>
            </a:p>
          </p:txBody>
        </p:sp>
        <p:sp>
          <p:nvSpPr>
            <p:cNvPr id="15" name="Rectangle 14" descr="Lock">
              <a:extLst>
                <a:ext uri="{FF2B5EF4-FFF2-40B4-BE49-F238E27FC236}">
                  <a16:creationId xmlns:a16="http://schemas.microsoft.com/office/drawing/2014/main" id="{15CADFEC-2EC1-46C1-8C06-C20C2AFFE36D}"/>
                </a:ext>
              </a:extLst>
            </p:cNvPr>
            <p:cNvSpPr/>
            <p:nvPr/>
          </p:nvSpPr>
          <p:spPr>
            <a:xfrm>
              <a:off x="1325156" y="4584963"/>
              <a:ext cx="1140545" cy="1333535"/>
            </a:xfrm>
            <a:prstGeom prst="rect">
              <a:avLst/>
            </a:prstGeom>
            <a:blipFill>
              <a:blip r:embed="rId9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10"/>
                  </a:ext>
                </a:extLst>
              </a:blip>
              <a:srcRect/>
              <a:stretch>
                <a:fillRect l="-25000" r="-25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9158019"/>
                <a:satOff val="-48125"/>
                <a:lumOff val="-3482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23" name="Group 22">
            <a:extLst>
              <a:ext uri="{FF2B5EF4-FFF2-40B4-BE49-F238E27FC236}">
                <a16:creationId xmlns:a16="http://schemas.microsoft.com/office/drawing/2014/main" id="{4D1133D7-33FF-4844-BA17-F8335CDD6989}"/>
              </a:ext>
            </a:extLst>
          </p:cNvPr>
          <p:cNvGrpSpPr/>
          <p:nvPr/>
        </p:nvGrpSpPr>
        <p:grpSpPr>
          <a:xfrm>
            <a:off x="6407270" y="4584963"/>
            <a:ext cx="4582223" cy="1453482"/>
            <a:chOff x="6329213" y="4584963"/>
            <a:chExt cx="4582223" cy="1453482"/>
          </a:xfrm>
        </p:grpSpPr>
        <p:sp>
          <p:nvSpPr>
            <p:cNvPr id="16" name="Freeform: Shape 15">
              <a:extLst>
                <a:ext uri="{FF2B5EF4-FFF2-40B4-BE49-F238E27FC236}">
                  <a16:creationId xmlns:a16="http://schemas.microsoft.com/office/drawing/2014/main" id="{756DE0F9-2830-4AD1-875C-FA2DD30B4940}"/>
                </a:ext>
              </a:extLst>
            </p:cNvPr>
            <p:cNvSpPr/>
            <p:nvPr/>
          </p:nvSpPr>
          <p:spPr>
            <a:xfrm>
              <a:off x="6847329" y="4768412"/>
              <a:ext cx="4064107" cy="1270033"/>
            </a:xfrm>
            <a:custGeom>
              <a:avLst/>
              <a:gdLst>
                <a:gd name="connsiteX0" fmla="*/ 0 w 4064107"/>
                <a:gd name="connsiteY0" fmla="*/ 0 h 1270033"/>
                <a:gd name="connsiteX1" fmla="*/ 4064107 w 4064107"/>
                <a:gd name="connsiteY1" fmla="*/ 0 h 1270033"/>
                <a:gd name="connsiteX2" fmla="*/ 4064107 w 4064107"/>
                <a:gd name="connsiteY2" fmla="*/ 1270033 h 1270033"/>
                <a:gd name="connsiteX3" fmla="*/ 0 w 4064107"/>
                <a:gd name="connsiteY3" fmla="*/ 1270033 h 1270033"/>
                <a:gd name="connsiteX4" fmla="*/ 0 w 4064107"/>
                <a:gd name="connsiteY4" fmla="*/ 0 h 12700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4064107" h="1270033">
                  <a:moveTo>
                    <a:pt x="0" y="0"/>
                  </a:moveTo>
                  <a:lnTo>
                    <a:pt x="4064107" y="0"/>
                  </a:lnTo>
                  <a:lnTo>
                    <a:pt x="4064107" y="1270033"/>
                  </a:lnTo>
                  <a:lnTo>
                    <a:pt x="0" y="1270033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rgbClr val="7030A0"/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60236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Materi akurat dan </a:t>
              </a:r>
              <a:r>
                <a:rPr lang="id-ID" sz="2800" i="1" kern="1200" dirty="0"/>
                <a:t>updated</a:t>
              </a:r>
            </a:p>
          </p:txBody>
        </p:sp>
        <p:sp>
          <p:nvSpPr>
            <p:cNvPr id="17" name="Rectangle 16" descr="Bullseye">
              <a:extLst>
                <a:ext uri="{FF2B5EF4-FFF2-40B4-BE49-F238E27FC236}">
                  <a16:creationId xmlns:a16="http://schemas.microsoft.com/office/drawing/2014/main" id="{49578BE9-3882-47EA-AD70-645DD3FFD76D}"/>
                </a:ext>
              </a:extLst>
            </p:cNvPr>
            <p:cNvSpPr/>
            <p:nvPr/>
          </p:nvSpPr>
          <p:spPr>
            <a:xfrm>
              <a:off x="6329213" y="4584963"/>
              <a:ext cx="1140545" cy="1333535"/>
            </a:xfrm>
            <a:prstGeom prst="rect">
              <a:avLst/>
            </a:prstGeom>
            <a:blipFill>
              <a:blip r:embed="rId11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12"/>
                  </a:ext>
                </a:extLst>
              </a:blip>
              <a:srcRect/>
              <a:stretch>
                <a:fillRect l="-8000" r="-8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11447524"/>
                <a:satOff val="-60156"/>
                <a:lumOff val="-4353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4D5C7C06-1093-474E-A2C8-E806D4A0671C}"/>
              </a:ext>
            </a:extLst>
          </p:cNvPr>
          <p:cNvGrpSpPr/>
          <p:nvPr/>
        </p:nvGrpSpPr>
        <p:grpSpPr>
          <a:xfrm>
            <a:off x="954594" y="2960079"/>
            <a:ext cx="4830116" cy="1479535"/>
            <a:chOff x="954594" y="2960079"/>
            <a:chExt cx="4830116" cy="1479535"/>
          </a:xfrm>
        </p:grpSpPr>
        <p:sp>
          <p:nvSpPr>
            <p:cNvPr id="10" name="Freeform: Shape 9">
              <a:extLst>
                <a:ext uri="{FF2B5EF4-FFF2-40B4-BE49-F238E27FC236}">
                  <a16:creationId xmlns:a16="http://schemas.microsoft.com/office/drawing/2014/main" id="{BCB142DA-851A-4484-A7A3-10FE2BE73C06}"/>
                </a:ext>
              </a:extLst>
            </p:cNvPr>
            <p:cNvSpPr/>
            <p:nvPr/>
          </p:nvSpPr>
          <p:spPr>
            <a:xfrm>
              <a:off x="1720603" y="3169581"/>
              <a:ext cx="4064107" cy="1270033"/>
            </a:xfrm>
            <a:custGeom>
              <a:avLst/>
              <a:gdLst>
                <a:gd name="connsiteX0" fmla="*/ 0 w 4064107"/>
                <a:gd name="connsiteY0" fmla="*/ 0 h 1270033"/>
                <a:gd name="connsiteX1" fmla="*/ 4064107 w 4064107"/>
                <a:gd name="connsiteY1" fmla="*/ 0 h 1270033"/>
                <a:gd name="connsiteX2" fmla="*/ 4064107 w 4064107"/>
                <a:gd name="connsiteY2" fmla="*/ 1270033 h 1270033"/>
                <a:gd name="connsiteX3" fmla="*/ 0 w 4064107"/>
                <a:gd name="connsiteY3" fmla="*/ 1270033 h 1270033"/>
                <a:gd name="connsiteX4" fmla="*/ 0 w 4064107"/>
                <a:gd name="connsiteY4" fmla="*/ 0 h 12700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4064107" h="1270033">
                  <a:moveTo>
                    <a:pt x="0" y="0"/>
                  </a:moveTo>
                  <a:lnTo>
                    <a:pt x="4064107" y="0"/>
                  </a:lnTo>
                  <a:lnTo>
                    <a:pt x="4064107" y="1270033"/>
                  </a:lnTo>
                  <a:lnTo>
                    <a:pt x="0" y="1270033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rgbClr val="00B050"/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60236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Kualitas teknis</a:t>
              </a:r>
            </a:p>
          </p:txBody>
        </p:sp>
        <p:pic>
          <p:nvPicPr>
            <p:cNvPr id="46" name="Graphic 45" descr="Body builder">
              <a:extLst>
                <a:ext uri="{FF2B5EF4-FFF2-40B4-BE49-F238E27FC236}">
                  <a16:creationId xmlns:a16="http://schemas.microsoft.com/office/drawing/2014/main" id="{34760BFE-4D87-48EF-A0BF-63F724DB55E9}"/>
                </a:ext>
              </a:extLst>
            </p:cNvPr>
            <p:cNvPicPr>
              <a:picLocks noChangeAspect="1"/>
            </p:cNvPicPr>
            <p:nvPr/>
          </p:nvPicPr>
          <p:blipFill>
            <a:blip r:embed="rId13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14"/>
                </a:ext>
              </a:extLst>
            </a:blip>
            <a:stretch>
              <a:fillRect/>
            </a:stretch>
          </p:blipFill>
          <p:spPr>
            <a:xfrm>
              <a:off x="954594" y="2960079"/>
              <a:ext cx="1368250" cy="1368250"/>
            </a:xfrm>
            <a:prstGeom prst="rect">
              <a:avLst/>
            </a:prstGeom>
          </p:spPr>
        </p:pic>
      </p:grpSp>
      <p:grpSp>
        <p:nvGrpSpPr>
          <p:cNvPr id="31" name="Group 30">
            <a:extLst>
              <a:ext uri="{FF2B5EF4-FFF2-40B4-BE49-F238E27FC236}">
                <a16:creationId xmlns:a16="http://schemas.microsoft.com/office/drawing/2014/main" id="{59499C90-BF9A-4162-B1EE-8AFAEFD5F181}"/>
              </a:ext>
            </a:extLst>
          </p:cNvPr>
          <p:cNvGrpSpPr/>
          <p:nvPr/>
        </p:nvGrpSpPr>
        <p:grpSpPr>
          <a:xfrm>
            <a:off x="0" y="-36431"/>
            <a:ext cx="12200792" cy="6894431"/>
            <a:chOff x="-8792" y="-27055"/>
            <a:chExt cx="12200792" cy="6894431"/>
          </a:xfrm>
        </p:grpSpPr>
        <p:sp>
          <p:nvSpPr>
            <p:cNvPr id="32" name="Rectangle 31">
              <a:extLst>
                <a:ext uri="{FF2B5EF4-FFF2-40B4-BE49-F238E27FC236}">
                  <a16:creationId xmlns:a16="http://schemas.microsoft.com/office/drawing/2014/main" id="{4B92D6C8-1E29-4255-9692-21E591E2E72C}"/>
                </a:ext>
              </a:extLst>
            </p:cNvPr>
            <p:cNvSpPr/>
            <p:nvPr/>
          </p:nvSpPr>
          <p:spPr>
            <a:xfrm>
              <a:off x="-2166" y="-2408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" name="Rectangle 32">
              <a:extLst>
                <a:ext uri="{FF2B5EF4-FFF2-40B4-BE49-F238E27FC236}">
                  <a16:creationId xmlns:a16="http://schemas.microsoft.com/office/drawing/2014/main" id="{269784B6-8240-4559-B656-127FF8340AF6}"/>
                </a:ext>
              </a:extLst>
            </p:cNvPr>
            <p:cNvSpPr/>
            <p:nvPr/>
          </p:nvSpPr>
          <p:spPr>
            <a:xfrm>
              <a:off x="11846497" y="-2409"/>
              <a:ext cx="345502" cy="6744157"/>
            </a:xfrm>
            <a:prstGeom prst="rect">
              <a:avLst/>
            </a:prstGeom>
            <a:gradFill>
              <a:gsLst>
                <a:gs pos="15000">
                  <a:srgbClr val="0070C0"/>
                </a:gs>
                <a:gs pos="51000">
                  <a:srgbClr val="99CCFF"/>
                </a:gs>
                <a:gs pos="87000">
                  <a:srgbClr val="0070C0"/>
                </a:gs>
              </a:gsLst>
              <a:lin ang="5400000" scaled="1"/>
            </a:gra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" name="Rectangle 33">
              <a:extLst>
                <a:ext uri="{FF2B5EF4-FFF2-40B4-BE49-F238E27FC236}">
                  <a16:creationId xmlns:a16="http://schemas.microsoft.com/office/drawing/2014/main" id="{499C5FB3-6627-497E-9079-A2CB53640732}"/>
                </a:ext>
              </a:extLst>
            </p:cNvPr>
            <p:cNvSpPr/>
            <p:nvPr/>
          </p:nvSpPr>
          <p:spPr>
            <a:xfrm>
              <a:off x="-2166" y="-2408"/>
              <a:ext cx="12194165" cy="203200"/>
            </a:xfrm>
            <a:prstGeom prst="rect">
              <a:avLst/>
            </a:prstGeom>
            <a:solidFill>
              <a:srgbClr val="0070C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AB8498CE-C37A-41B9-8876-EF57437B952D}"/>
                </a:ext>
              </a:extLst>
            </p:cNvPr>
            <p:cNvGrpSpPr/>
            <p:nvPr/>
          </p:nvGrpSpPr>
          <p:grpSpPr>
            <a:xfrm>
              <a:off x="-8792" y="6376639"/>
              <a:ext cx="12200792" cy="490737"/>
              <a:chOff x="-6625" y="6379047"/>
              <a:chExt cx="12198626" cy="490737"/>
            </a:xfrm>
          </p:grpSpPr>
          <p:sp>
            <p:nvSpPr>
              <p:cNvPr id="41" name="Rectangle 40">
                <a:extLst>
                  <a:ext uri="{FF2B5EF4-FFF2-40B4-BE49-F238E27FC236}">
                    <a16:creationId xmlns:a16="http://schemas.microsoft.com/office/drawing/2014/main" id="{F02EFC7D-4C54-4F75-BB41-59E7516B1160}"/>
                  </a:ext>
                </a:extLst>
              </p:cNvPr>
              <p:cNvSpPr/>
              <p:nvPr/>
            </p:nvSpPr>
            <p:spPr>
              <a:xfrm>
                <a:off x="4624755" y="6612255"/>
                <a:ext cx="1063869" cy="245521"/>
              </a:xfrm>
              <a:prstGeom prst="rect">
                <a:avLst/>
              </a:prstGeom>
              <a:solidFill>
                <a:srgbClr val="FFA424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42" name="Rectangle 40">
                <a:extLst>
                  <a:ext uri="{FF2B5EF4-FFF2-40B4-BE49-F238E27FC236}">
                    <a16:creationId xmlns:a16="http://schemas.microsoft.com/office/drawing/2014/main" id="{97A14600-8ABD-4C16-B30E-5C340779CDB0}"/>
                  </a:ext>
                </a:extLst>
              </p:cNvPr>
              <p:cNvSpPr/>
              <p:nvPr/>
            </p:nvSpPr>
            <p:spPr>
              <a:xfrm>
                <a:off x="5065381" y="6622909"/>
                <a:ext cx="7126620" cy="246875"/>
              </a:xfrm>
              <a:custGeom>
                <a:avLst/>
                <a:gdLst>
                  <a:gd name="connsiteX0" fmla="*/ 0 w 7048500"/>
                  <a:gd name="connsiteY0" fmla="*/ 0 h 219807"/>
                  <a:gd name="connsiteX1" fmla="*/ 7048500 w 7048500"/>
                  <a:gd name="connsiteY1" fmla="*/ 0 h 219807"/>
                  <a:gd name="connsiteX2" fmla="*/ 7048500 w 7048500"/>
                  <a:gd name="connsiteY2" fmla="*/ 219807 h 219807"/>
                  <a:gd name="connsiteX3" fmla="*/ 0 w 7048500"/>
                  <a:gd name="connsiteY3" fmla="*/ 219807 h 219807"/>
                  <a:gd name="connsiteX4" fmla="*/ 0 w 7048500"/>
                  <a:gd name="connsiteY4" fmla="*/ 0 h 219807"/>
                  <a:gd name="connsiteX0" fmla="*/ 334107 w 7382607"/>
                  <a:gd name="connsiteY0" fmla="*/ 0 h 219807"/>
                  <a:gd name="connsiteX1" fmla="*/ 7382607 w 7382607"/>
                  <a:gd name="connsiteY1" fmla="*/ 0 h 219807"/>
                  <a:gd name="connsiteX2" fmla="*/ 7382607 w 7382607"/>
                  <a:gd name="connsiteY2" fmla="*/ 219807 h 219807"/>
                  <a:gd name="connsiteX3" fmla="*/ 0 w 7382607"/>
                  <a:gd name="connsiteY3" fmla="*/ 219807 h 219807"/>
                  <a:gd name="connsiteX4" fmla="*/ 334107 w 7382607"/>
                  <a:gd name="connsiteY4" fmla="*/ 0 h 21980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382607" h="219807">
                    <a:moveTo>
                      <a:pt x="334107" y="0"/>
                    </a:moveTo>
                    <a:lnTo>
                      <a:pt x="7382607" y="0"/>
                    </a:lnTo>
                    <a:lnTo>
                      <a:pt x="7382607" y="219807"/>
                    </a:lnTo>
                    <a:lnTo>
                      <a:pt x="0" y="219807"/>
                    </a:lnTo>
                    <a:lnTo>
                      <a:pt x="334107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43" name="Freeform 15">
                <a:extLst>
                  <a:ext uri="{FF2B5EF4-FFF2-40B4-BE49-F238E27FC236}">
                    <a16:creationId xmlns:a16="http://schemas.microsoft.com/office/drawing/2014/main" id="{9840CEFF-43DC-436E-927B-B98E2D713081}"/>
                  </a:ext>
                </a:extLst>
              </p:cNvPr>
              <p:cNvSpPr/>
              <p:nvPr/>
            </p:nvSpPr>
            <p:spPr>
              <a:xfrm>
                <a:off x="785938" y="6411997"/>
                <a:ext cx="14304" cy="4763"/>
              </a:xfrm>
              <a:custGeom>
                <a:avLst/>
                <a:gdLst>
                  <a:gd name="connsiteX0" fmla="*/ 14304 w 14304"/>
                  <a:gd name="connsiteY0" fmla="*/ 0 h 4763"/>
                  <a:gd name="connsiteX1" fmla="*/ 5971 w 14304"/>
                  <a:gd name="connsiteY1" fmla="*/ 4763 h 4763"/>
                  <a:gd name="connsiteX2" fmla="*/ 0 w 14304"/>
                  <a:gd name="connsiteY2" fmla="*/ 4763 h 4763"/>
                  <a:gd name="connsiteX3" fmla="*/ 14304 w 14304"/>
                  <a:gd name="connsiteY3" fmla="*/ 0 h 4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04" h="4763">
                    <a:moveTo>
                      <a:pt x="14304" y="0"/>
                    </a:moveTo>
                    <a:lnTo>
                      <a:pt x="5971" y="4763"/>
                    </a:lnTo>
                    <a:lnTo>
                      <a:pt x="0" y="4763"/>
                    </a:lnTo>
                    <a:lnTo>
                      <a:pt x="14304" y="0"/>
                    </a:lnTo>
                    <a:close/>
                  </a:path>
                </a:pathLst>
              </a:custGeom>
              <a:solidFill>
                <a:srgbClr val="F7A11A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44" name="Rectangle 5">
                <a:extLst>
                  <a:ext uri="{FF2B5EF4-FFF2-40B4-BE49-F238E27FC236}">
                    <a16:creationId xmlns:a16="http://schemas.microsoft.com/office/drawing/2014/main" id="{539F1DD3-D84F-4F51-B9DB-5DD66CD7D592}"/>
                  </a:ext>
                </a:extLst>
              </p:cNvPr>
              <p:cNvSpPr/>
              <p:nvPr/>
            </p:nvSpPr>
            <p:spPr>
              <a:xfrm>
                <a:off x="1" y="6412644"/>
                <a:ext cx="5104894" cy="447764"/>
              </a:xfrm>
              <a:custGeom>
                <a:avLst/>
                <a:gdLst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5024582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  <a:gd name="connsiteX0" fmla="*/ 0 w 5024582"/>
                  <a:gd name="connsiteY0" fmla="*/ 0 h 397164"/>
                  <a:gd name="connsiteX1" fmla="*/ 4553528 w 5024582"/>
                  <a:gd name="connsiteY1" fmla="*/ 0 h 397164"/>
                  <a:gd name="connsiteX2" fmla="*/ 5024582 w 5024582"/>
                  <a:gd name="connsiteY2" fmla="*/ 397164 h 397164"/>
                  <a:gd name="connsiteX3" fmla="*/ 0 w 5024582"/>
                  <a:gd name="connsiteY3" fmla="*/ 397164 h 397164"/>
                  <a:gd name="connsiteX4" fmla="*/ 0 w 5024582"/>
                  <a:gd name="connsiteY4" fmla="*/ 0 h 39716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5024582" h="397164">
                    <a:moveTo>
                      <a:pt x="0" y="0"/>
                    </a:moveTo>
                    <a:lnTo>
                      <a:pt x="4553528" y="0"/>
                    </a:lnTo>
                    <a:lnTo>
                      <a:pt x="5024582" y="397164"/>
                    </a:lnTo>
                    <a:lnTo>
                      <a:pt x="0" y="397164"/>
                    </a:lnTo>
                    <a:lnTo>
                      <a:pt x="0" y="0"/>
                    </a:lnTo>
                    <a:close/>
                  </a:path>
                </a:pathLst>
              </a:custGeom>
              <a:solidFill>
                <a:srgbClr val="0070C0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45" name="Freeform 17">
                <a:extLst>
                  <a:ext uri="{FF2B5EF4-FFF2-40B4-BE49-F238E27FC236}">
                    <a16:creationId xmlns:a16="http://schemas.microsoft.com/office/drawing/2014/main" id="{729910A1-71EF-4F27-B806-4B8C1210B9D0}"/>
                  </a:ext>
                </a:extLst>
              </p:cNvPr>
              <p:cNvSpPr/>
              <p:nvPr/>
            </p:nvSpPr>
            <p:spPr>
              <a:xfrm>
                <a:off x="0" y="6410640"/>
                <a:ext cx="2950459" cy="447360"/>
              </a:xfrm>
              <a:custGeom>
                <a:avLst/>
                <a:gdLst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794327 w 2953014"/>
                  <a:gd name="connsiteY3" fmla="*/ 9146 h 424783"/>
                  <a:gd name="connsiteX4" fmla="*/ 2953014 w 2953014"/>
                  <a:gd name="connsiteY4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49088 w 2953014"/>
                  <a:gd name="connsiteY3" fmla="*/ 340149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53014 w 2953014"/>
                  <a:gd name="connsiteY0" fmla="*/ 0 h 424783"/>
                  <a:gd name="connsiteX1" fmla="*/ 2140545 w 2953014"/>
                  <a:gd name="connsiteY1" fmla="*/ 424783 h 424783"/>
                  <a:gd name="connsiteX2" fmla="*/ 0 w 2953014"/>
                  <a:gd name="connsiteY2" fmla="*/ 424783 h 424783"/>
                  <a:gd name="connsiteX3" fmla="*/ 1 w 2953014"/>
                  <a:gd name="connsiteY3" fmla="*/ 300393 h 424783"/>
                  <a:gd name="connsiteX4" fmla="*/ 794327 w 2953014"/>
                  <a:gd name="connsiteY4" fmla="*/ 9146 h 424783"/>
                  <a:gd name="connsiteX5" fmla="*/ 2953014 w 2953014"/>
                  <a:gd name="connsiteY5" fmla="*/ 0 h 424783"/>
                  <a:gd name="connsiteX0" fmla="*/ 2948098 w 2948098"/>
                  <a:gd name="connsiteY0" fmla="*/ 0 h 419962"/>
                  <a:gd name="connsiteX1" fmla="*/ 2140545 w 2948098"/>
                  <a:gd name="connsiteY1" fmla="*/ 419962 h 419962"/>
                  <a:gd name="connsiteX2" fmla="*/ 0 w 2948098"/>
                  <a:gd name="connsiteY2" fmla="*/ 419962 h 419962"/>
                  <a:gd name="connsiteX3" fmla="*/ 1 w 2948098"/>
                  <a:gd name="connsiteY3" fmla="*/ 295572 h 419962"/>
                  <a:gd name="connsiteX4" fmla="*/ 794327 w 2948098"/>
                  <a:gd name="connsiteY4" fmla="*/ 4325 h 419962"/>
                  <a:gd name="connsiteX5" fmla="*/ 2948098 w 2948098"/>
                  <a:gd name="connsiteY5" fmla="*/ 0 h 419962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33656 w 2948098"/>
                  <a:gd name="connsiteY4" fmla="*/ 0 h 420458"/>
                  <a:gd name="connsiteX5" fmla="*/ 2948098 w 2948098"/>
                  <a:gd name="connsiteY5" fmla="*/ 496 h 420458"/>
                  <a:gd name="connsiteX0" fmla="*/ 2948098 w 2948098"/>
                  <a:gd name="connsiteY0" fmla="*/ 496 h 420458"/>
                  <a:gd name="connsiteX1" fmla="*/ 2140545 w 2948098"/>
                  <a:gd name="connsiteY1" fmla="*/ 420458 h 420458"/>
                  <a:gd name="connsiteX2" fmla="*/ 0 w 2948098"/>
                  <a:gd name="connsiteY2" fmla="*/ 420458 h 420458"/>
                  <a:gd name="connsiteX3" fmla="*/ 1 w 2948098"/>
                  <a:gd name="connsiteY3" fmla="*/ 296068 h 420458"/>
                  <a:gd name="connsiteX4" fmla="*/ 813992 w 2948098"/>
                  <a:gd name="connsiteY4" fmla="*/ 0 h 420458"/>
                  <a:gd name="connsiteX5" fmla="*/ 2948098 w 2948098"/>
                  <a:gd name="connsiteY5" fmla="*/ 496 h 420458"/>
                  <a:gd name="connsiteX0" fmla="*/ 2945543 w 2945543"/>
                  <a:gd name="connsiteY0" fmla="*/ 0 h 422445"/>
                  <a:gd name="connsiteX1" fmla="*/ 2140545 w 2945543"/>
                  <a:gd name="connsiteY1" fmla="*/ 422445 h 422445"/>
                  <a:gd name="connsiteX2" fmla="*/ 0 w 2945543"/>
                  <a:gd name="connsiteY2" fmla="*/ 422445 h 422445"/>
                  <a:gd name="connsiteX3" fmla="*/ 1 w 2945543"/>
                  <a:gd name="connsiteY3" fmla="*/ 298055 h 422445"/>
                  <a:gd name="connsiteX4" fmla="*/ 813992 w 2945543"/>
                  <a:gd name="connsiteY4" fmla="*/ 1987 h 422445"/>
                  <a:gd name="connsiteX5" fmla="*/ 2945543 w 2945543"/>
                  <a:gd name="connsiteY5" fmla="*/ 0 h 42244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</a:cxnLst>
                <a:rect l="l" t="t" r="r" b="b"/>
                <a:pathLst>
                  <a:path w="2945543" h="422445">
                    <a:moveTo>
                      <a:pt x="2945543" y="0"/>
                    </a:moveTo>
                    <a:lnTo>
                      <a:pt x="2140545" y="422445"/>
                    </a:lnTo>
                    <a:lnTo>
                      <a:pt x="0" y="422445"/>
                    </a:lnTo>
                    <a:cubicBezTo>
                      <a:pt x="0" y="380982"/>
                      <a:pt x="1" y="339518"/>
                      <a:pt x="1" y="298055"/>
                    </a:cubicBezTo>
                    <a:lnTo>
                      <a:pt x="813992" y="1987"/>
                    </a:lnTo>
                    <a:lnTo>
                      <a:pt x="2945543" y="0"/>
                    </a:lnTo>
                    <a:close/>
                  </a:path>
                </a:pathLst>
              </a:custGeom>
              <a:solidFill>
                <a:srgbClr val="C00000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47" name="Rectangle 39">
                <a:extLst>
                  <a:ext uri="{FF2B5EF4-FFF2-40B4-BE49-F238E27FC236}">
                    <a16:creationId xmlns:a16="http://schemas.microsoft.com/office/drawing/2014/main" id="{AB7E5010-48C9-4AAF-A234-98435EB7656A}"/>
                  </a:ext>
                </a:extLst>
              </p:cNvPr>
              <p:cNvSpPr/>
              <p:nvPr/>
            </p:nvSpPr>
            <p:spPr>
              <a:xfrm>
                <a:off x="-6625" y="6412230"/>
                <a:ext cx="2143539" cy="445770"/>
              </a:xfrm>
              <a:custGeom>
                <a:avLst/>
                <a:gdLst>
                  <a:gd name="connsiteX0" fmla="*/ 0 w 563217"/>
                  <a:gd name="connsiteY0" fmla="*/ 0 h 407504"/>
                  <a:gd name="connsiteX1" fmla="*/ 563217 w 563217"/>
                  <a:gd name="connsiteY1" fmla="*/ 0 h 407504"/>
                  <a:gd name="connsiteX2" fmla="*/ 563217 w 563217"/>
                  <a:gd name="connsiteY2" fmla="*/ 407504 h 407504"/>
                  <a:gd name="connsiteX3" fmla="*/ 0 w 563217"/>
                  <a:gd name="connsiteY3" fmla="*/ 407504 h 407504"/>
                  <a:gd name="connsiteX4" fmla="*/ 0 w 563217"/>
                  <a:gd name="connsiteY4" fmla="*/ 0 h 407504"/>
                  <a:gd name="connsiteX0" fmla="*/ 0 w 563217"/>
                  <a:gd name="connsiteY0" fmla="*/ 0 h 407504"/>
                  <a:gd name="connsiteX1" fmla="*/ 563217 w 563217"/>
                  <a:gd name="connsiteY1" fmla="*/ 407504 h 407504"/>
                  <a:gd name="connsiteX2" fmla="*/ 0 w 563217"/>
                  <a:gd name="connsiteY2" fmla="*/ 407504 h 407504"/>
                  <a:gd name="connsiteX3" fmla="*/ 0 w 563217"/>
                  <a:gd name="connsiteY3" fmla="*/ 0 h 407504"/>
                  <a:gd name="connsiteX0" fmla="*/ 0 w 1328530"/>
                  <a:gd name="connsiteY0" fmla="*/ 0 h 414130"/>
                  <a:gd name="connsiteX1" fmla="*/ 1328530 w 1328530"/>
                  <a:gd name="connsiteY1" fmla="*/ 414130 h 414130"/>
                  <a:gd name="connsiteX2" fmla="*/ 0 w 1328530"/>
                  <a:gd name="connsiteY2" fmla="*/ 407504 h 414130"/>
                  <a:gd name="connsiteX3" fmla="*/ 0 w 1328530"/>
                  <a:gd name="connsiteY3" fmla="*/ 0 h 414130"/>
                  <a:gd name="connsiteX0" fmla="*/ 0 w 1328530"/>
                  <a:gd name="connsiteY0" fmla="*/ 0 h 417443"/>
                  <a:gd name="connsiteX1" fmla="*/ 1328530 w 1328530"/>
                  <a:gd name="connsiteY1" fmla="*/ 417443 h 417443"/>
                  <a:gd name="connsiteX2" fmla="*/ 0 w 1328530"/>
                  <a:gd name="connsiteY2" fmla="*/ 407504 h 417443"/>
                  <a:gd name="connsiteX3" fmla="*/ 0 w 1328530"/>
                  <a:gd name="connsiteY3" fmla="*/ 0 h 417443"/>
                  <a:gd name="connsiteX0" fmla="*/ 808383 w 2136913"/>
                  <a:gd name="connsiteY0" fmla="*/ 0 h 427383"/>
                  <a:gd name="connsiteX1" fmla="*/ 2136913 w 2136913"/>
                  <a:gd name="connsiteY1" fmla="*/ 417443 h 427383"/>
                  <a:gd name="connsiteX2" fmla="*/ 0 w 2136913"/>
                  <a:gd name="connsiteY2" fmla="*/ 427383 h 427383"/>
                  <a:gd name="connsiteX3" fmla="*/ 808383 w 2136913"/>
                  <a:gd name="connsiteY3" fmla="*/ 0 h 427383"/>
                  <a:gd name="connsiteX0" fmla="*/ 808383 w 2143539"/>
                  <a:gd name="connsiteY0" fmla="*/ 0 h 427383"/>
                  <a:gd name="connsiteX1" fmla="*/ 2143539 w 2143539"/>
                  <a:gd name="connsiteY1" fmla="*/ 424069 h 427383"/>
                  <a:gd name="connsiteX2" fmla="*/ 0 w 2143539"/>
                  <a:gd name="connsiteY2" fmla="*/ 427383 h 427383"/>
                  <a:gd name="connsiteX3" fmla="*/ 808383 w 2143539"/>
                  <a:gd name="connsiteY3" fmla="*/ 0 h 427383"/>
                  <a:gd name="connsiteX0" fmla="*/ 808383 w 2143539"/>
                  <a:gd name="connsiteY0" fmla="*/ 0 h 427383"/>
                  <a:gd name="connsiteX1" fmla="*/ 1116496 w 2143539"/>
                  <a:gd name="connsiteY1" fmla="*/ 92765 h 427383"/>
                  <a:gd name="connsiteX2" fmla="*/ 2143539 w 2143539"/>
                  <a:gd name="connsiteY2" fmla="*/ 424069 h 427383"/>
                  <a:gd name="connsiteX3" fmla="*/ 0 w 2143539"/>
                  <a:gd name="connsiteY3" fmla="*/ 427383 h 427383"/>
                  <a:gd name="connsiteX4" fmla="*/ 808383 w 2143539"/>
                  <a:gd name="connsiteY4" fmla="*/ 0 h 427383"/>
                  <a:gd name="connsiteX0" fmla="*/ 808383 w 2143539"/>
                  <a:gd name="connsiteY0" fmla="*/ 6626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08383 w 2143539"/>
                  <a:gd name="connsiteY4" fmla="*/ 6626 h 434009"/>
                  <a:gd name="connsiteX0" fmla="*/ 831574 w 2143539"/>
                  <a:gd name="connsiteY0" fmla="*/ 0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31574 w 2143539"/>
                  <a:gd name="connsiteY4" fmla="*/ 0 h 434009"/>
                  <a:gd name="connsiteX0" fmla="*/ 841513 w 2143539"/>
                  <a:gd name="connsiteY0" fmla="*/ 3313 h 434009"/>
                  <a:gd name="connsiteX1" fmla="*/ 1143001 w 2143539"/>
                  <a:gd name="connsiteY1" fmla="*/ 0 h 434009"/>
                  <a:gd name="connsiteX2" fmla="*/ 2143539 w 2143539"/>
                  <a:gd name="connsiteY2" fmla="*/ 430695 h 434009"/>
                  <a:gd name="connsiteX3" fmla="*/ 0 w 2143539"/>
                  <a:gd name="connsiteY3" fmla="*/ 434009 h 434009"/>
                  <a:gd name="connsiteX4" fmla="*/ 841513 w 2143539"/>
                  <a:gd name="connsiteY4" fmla="*/ 3313 h 43400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143539" h="434009">
                    <a:moveTo>
                      <a:pt x="841513" y="3313"/>
                    </a:moveTo>
                    <a:lnTo>
                      <a:pt x="1143001" y="0"/>
                    </a:lnTo>
                    <a:lnTo>
                      <a:pt x="2143539" y="430695"/>
                    </a:lnTo>
                    <a:lnTo>
                      <a:pt x="0" y="434009"/>
                    </a:lnTo>
                    <a:lnTo>
                      <a:pt x="841513" y="3313"/>
                    </a:lnTo>
                    <a:close/>
                  </a:path>
                </a:pathLst>
              </a:custGeom>
              <a:solidFill>
                <a:srgbClr val="F66616"/>
              </a:solidFill>
              <a:ln>
                <a:noFill/>
              </a:ln>
              <a:effectLst/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48" name="Picture 47">
                <a:extLst>
                  <a:ext uri="{FF2B5EF4-FFF2-40B4-BE49-F238E27FC236}">
                    <a16:creationId xmlns:a16="http://schemas.microsoft.com/office/drawing/2014/main" id="{1885287A-C391-4DEF-A7DB-F6D051C80783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314057" y="6455075"/>
                <a:ext cx="356122" cy="358491"/>
              </a:xfrm>
              <a:prstGeom prst="rect">
                <a:avLst/>
              </a:prstGeom>
            </p:spPr>
          </p:pic>
          <p:pic>
            <p:nvPicPr>
              <p:cNvPr id="49" name="Picture 48">
                <a:extLst>
                  <a:ext uri="{FF2B5EF4-FFF2-40B4-BE49-F238E27FC236}">
                    <a16:creationId xmlns:a16="http://schemas.microsoft.com/office/drawing/2014/main" id="{DA70A968-E715-4650-AEFC-33D6BE2D23E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6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740541" y="6454925"/>
                <a:ext cx="358790" cy="358790"/>
              </a:xfrm>
              <a:prstGeom prst="rect">
                <a:avLst/>
              </a:prstGeom>
            </p:spPr>
          </p:pic>
          <p:pic>
            <p:nvPicPr>
              <p:cNvPr id="50" name="Picture 49">
                <a:extLst>
                  <a:ext uri="{FF2B5EF4-FFF2-40B4-BE49-F238E27FC236}">
                    <a16:creationId xmlns:a16="http://schemas.microsoft.com/office/drawing/2014/main" id="{9565767B-9763-4531-B5DE-4108FBFA0792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7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841310" y="6442676"/>
                <a:ext cx="383288" cy="383288"/>
              </a:xfrm>
              <a:prstGeom prst="rect">
                <a:avLst/>
              </a:prstGeom>
            </p:spPr>
          </p:pic>
          <p:sp>
            <p:nvSpPr>
              <p:cNvPr id="51" name="TextBox 50">
                <a:extLst>
                  <a:ext uri="{FF2B5EF4-FFF2-40B4-BE49-F238E27FC236}">
                    <a16:creationId xmlns:a16="http://schemas.microsoft.com/office/drawing/2014/main" id="{586466DA-3EB7-418E-A910-E8FE656C4FD2}"/>
                  </a:ext>
                </a:extLst>
              </p:cNvPr>
              <p:cNvSpPr txBox="1"/>
              <p:nvPr/>
            </p:nvSpPr>
            <p:spPr>
              <a:xfrm>
                <a:off x="2103154" y="6379047"/>
                <a:ext cx="272273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id-ID" sz="2400" dirty="0">
                    <a:solidFill>
                      <a:schemeClr val="bg1"/>
                    </a:solidFill>
                    <a:latin typeface="Bahnschrift SemiBold Condensed" panose="020B0502040204020203" pitchFamily="34" charset="0"/>
                    <a:ea typeface="Arial Unicode MS" panose="020B0604020202020204" pitchFamily="34" charset="-128"/>
                    <a:cs typeface="Arial Unicode MS" panose="020B0604020202020204" pitchFamily="34" charset="-128"/>
                  </a:rPr>
                  <a:t>Hamdan Husein Batubara</a:t>
                </a:r>
                <a:endParaRPr lang="en-US" sz="2400" dirty="0">
                  <a:solidFill>
                    <a:schemeClr val="bg1"/>
                  </a:solidFill>
                  <a:latin typeface="Bahnschrift SemiBold Condensed" panose="020B0502040204020203" pitchFamily="34" charset="0"/>
                  <a:ea typeface="Arial Unicode MS" panose="020B0604020202020204" pitchFamily="34" charset="-128"/>
                  <a:cs typeface="Arial Unicode MS" panose="020B0604020202020204" pitchFamily="34" charset="-128"/>
                </a:endParaRPr>
              </a:p>
            </p:txBody>
          </p:sp>
        </p:grpSp>
        <p:sp>
          <p:nvSpPr>
            <p:cNvPr id="36" name="Rectangle 1">
              <a:extLst>
                <a:ext uri="{FF2B5EF4-FFF2-40B4-BE49-F238E27FC236}">
                  <a16:creationId xmlns:a16="http://schemas.microsoft.com/office/drawing/2014/main" id="{EC666AFC-58E2-4C0D-A99A-70CC708F4197}"/>
                </a:ext>
              </a:extLst>
            </p:cNvPr>
            <p:cNvSpPr/>
            <p:nvPr/>
          </p:nvSpPr>
          <p:spPr>
            <a:xfrm>
              <a:off x="11527104" y="6351096"/>
              <a:ext cx="664895" cy="50449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7" name="Rectangle 1">
              <a:extLst>
                <a:ext uri="{FF2B5EF4-FFF2-40B4-BE49-F238E27FC236}">
                  <a16:creationId xmlns:a16="http://schemas.microsoft.com/office/drawing/2014/main" id="{32187B3C-8A6D-49AC-BB3D-9D78364F9F2E}"/>
                </a:ext>
              </a:extLst>
            </p:cNvPr>
            <p:cNvSpPr/>
            <p:nvPr/>
          </p:nvSpPr>
          <p:spPr>
            <a:xfrm rot="16200000">
              <a:off x="11607318" y="77688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8" name="Rectangle 1">
              <a:extLst>
                <a:ext uri="{FF2B5EF4-FFF2-40B4-BE49-F238E27FC236}">
                  <a16:creationId xmlns:a16="http://schemas.microsoft.com/office/drawing/2014/main" id="{E69DAF46-0C6F-4C3F-B7D8-C7E66BB4B668}"/>
                </a:ext>
              </a:extLst>
            </p:cNvPr>
            <p:cNvSpPr/>
            <p:nvPr/>
          </p:nvSpPr>
          <p:spPr>
            <a:xfrm rot="5400000" flipH="1">
              <a:off x="-82262" y="77687"/>
              <a:ext cx="664777" cy="504586"/>
            </a:xfrm>
            <a:custGeom>
              <a:avLst/>
              <a:gdLst>
                <a:gd name="connsiteX0" fmla="*/ 0 w 341585"/>
                <a:gd name="connsiteY0" fmla="*/ 0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  <a:gd name="connsiteX4" fmla="*/ 0 w 341585"/>
                <a:gd name="connsiteY4" fmla="*/ 0 h 241737"/>
                <a:gd name="connsiteX0" fmla="*/ 0 w 341585"/>
                <a:gd name="connsiteY0" fmla="*/ 241737 h 241737"/>
                <a:gd name="connsiteX1" fmla="*/ 341585 w 341585"/>
                <a:gd name="connsiteY1" fmla="*/ 0 h 241737"/>
                <a:gd name="connsiteX2" fmla="*/ 341585 w 341585"/>
                <a:gd name="connsiteY2" fmla="*/ 241737 h 241737"/>
                <a:gd name="connsiteX3" fmla="*/ 0 w 341585"/>
                <a:gd name="connsiteY3" fmla="*/ 241737 h 2417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41585" h="241737">
                  <a:moveTo>
                    <a:pt x="0" y="241737"/>
                  </a:moveTo>
                  <a:lnTo>
                    <a:pt x="341585" y="0"/>
                  </a:lnTo>
                  <a:lnTo>
                    <a:pt x="341585" y="241737"/>
                  </a:lnTo>
                  <a:lnTo>
                    <a:pt x="0" y="241737"/>
                  </a:lnTo>
                  <a:close/>
                </a:path>
              </a:pathLst>
            </a:custGeom>
            <a:solidFill>
              <a:srgbClr val="FFA42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9" name="Rectangle 30">
              <a:extLst>
                <a:ext uri="{FF2B5EF4-FFF2-40B4-BE49-F238E27FC236}">
                  <a16:creationId xmlns:a16="http://schemas.microsoft.com/office/drawing/2014/main" id="{674CADFD-9F10-40A4-85B6-1238BF0FEF00}"/>
                </a:ext>
              </a:extLst>
            </p:cNvPr>
            <p:cNvSpPr/>
            <p:nvPr/>
          </p:nvSpPr>
          <p:spPr>
            <a:xfrm>
              <a:off x="3230764" y="-56"/>
              <a:ext cx="5721173" cy="346895"/>
            </a:xfrm>
            <a:custGeom>
              <a:avLst/>
              <a:gdLst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5044966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0 w 5044966"/>
                <a:gd name="connsiteY3" fmla="*/ 357352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55465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7352"/>
                <a:gd name="connsiteX1" fmla="*/ 5044966 w 5044966"/>
                <a:gd name="connsiteY1" fmla="*/ 0 h 357352"/>
                <a:gd name="connsiteX2" fmla="*/ 4780647 w 5044966"/>
                <a:gd name="connsiteY2" fmla="*/ 357352 h 357352"/>
                <a:gd name="connsiteX3" fmla="*/ 314133 w 5044966"/>
                <a:gd name="connsiteY3" fmla="*/ 353195 h 357352"/>
                <a:gd name="connsiteX4" fmla="*/ 0 w 5044966"/>
                <a:gd name="connsiteY4" fmla="*/ 0 h 357352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745320 w 5044966"/>
                <a:gd name="connsiteY2" fmla="*/ 340628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553550 w 5044966"/>
                <a:gd name="connsiteY2" fmla="*/ 284882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044966"/>
                <a:gd name="connsiteY0" fmla="*/ 0 h 353195"/>
                <a:gd name="connsiteX1" fmla="*/ 5044966 w 5044966"/>
                <a:gd name="connsiteY1" fmla="*/ 0 h 353195"/>
                <a:gd name="connsiteX2" fmla="*/ 4669621 w 5044966"/>
                <a:gd name="connsiteY2" fmla="*/ 351776 h 353195"/>
                <a:gd name="connsiteX3" fmla="*/ 314133 w 5044966"/>
                <a:gd name="connsiteY3" fmla="*/ 353195 h 353195"/>
                <a:gd name="connsiteX4" fmla="*/ 0 w 5044966"/>
                <a:gd name="connsiteY4" fmla="*/ 0 h 353195"/>
                <a:gd name="connsiteX0" fmla="*/ 0 w 5130758"/>
                <a:gd name="connsiteY0" fmla="*/ 5574 h 358769"/>
                <a:gd name="connsiteX1" fmla="*/ 5130758 w 5130758"/>
                <a:gd name="connsiteY1" fmla="*/ 0 h 358769"/>
                <a:gd name="connsiteX2" fmla="*/ 4669621 w 5130758"/>
                <a:gd name="connsiteY2" fmla="*/ 357350 h 358769"/>
                <a:gd name="connsiteX3" fmla="*/ 314133 w 5130758"/>
                <a:gd name="connsiteY3" fmla="*/ 358769 h 358769"/>
                <a:gd name="connsiteX4" fmla="*/ 0 w 5130758"/>
                <a:gd name="connsiteY4" fmla="*/ 5574 h 358769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465532 w 5130758"/>
                <a:gd name="connsiteY3" fmla="*/ 342045 h 357350"/>
                <a:gd name="connsiteX4" fmla="*/ 0 w 5130758"/>
                <a:gd name="connsiteY4" fmla="*/ 5574 h 357350"/>
                <a:gd name="connsiteX0" fmla="*/ 0 w 5130758"/>
                <a:gd name="connsiteY0" fmla="*/ 5574 h 364343"/>
                <a:gd name="connsiteX1" fmla="*/ 5130758 w 5130758"/>
                <a:gd name="connsiteY1" fmla="*/ 0 h 364343"/>
                <a:gd name="connsiteX2" fmla="*/ 4669621 w 5130758"/>
                <a:gd name="connsiteY2" fmla="*/ 357350 h 364343"/>
                <a:gd name="connsiteX3" fmla="*/ 314134 w 5130758"/>
                <a:gd name="connsiteY3" fmla="*/ 364343 h 364343"/>
                <a:gd name="connsiteX4" fmla="*/ 0 w 5130758"/>
                <a:gd name="connsiteY4" fmla="*/ 5574 h 364343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59554 w 5130758"/>
                <a:gd name="connsiteY3" fmla="*/ 286298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34321 w 5130758"/>
                <a:gd name="connsiteY3" fmla="*/ 336470 h 357350"/>
                <a:gd name="connsiteX4" fmla="*/ 0 w 5130758"/>
                <a:gd name="connsiteY4" fmla="*/ 5574 h 357350"/>
                <a:gd name="connsiteX0" fmla="*/ 0 w 5130758"/>
                <a:gd name="connsiteY0" fmla="*/ 5574 h 357350"/>
                <a:gd name="connsiteX1" fmla="*/ 5130758 w 5130758"/>
                <a:gd name="connsiteY1" fmla="*/ 0 h 357350"/>
                <a:gd name="connsiteX2" fmla="*/ 4669621 w 5130758"/>
                <a:gd name="connsiteY2" fmla="*/ 357350 h 357350"/>
                <a:gd name="connsiteX3" fmla="*/ 329274 w 5130758"/>
                <a:gd name="connsiteY3" fmla="*/ 353194 h 357350"/>
                <a:gd name="connsiteX4" fmla="*/ 0 w 5130758"/>
                <a:gd name="connsiteY4" fmla="*/ 5574 h 357350"/>
                <a:gd name="connsiteX0" fmla="*/ 0 w 5231690"/>
                <a:gd name="connsiteY0" fmla="*/ 27873 h 357350"/>
                <a:gd name="connsiteX1" fmla="*/ 5231690 w 5231690"/>
                <a:gd name="connsiteY1" fmla="*/ 0 h 357350"/>
                <a:gd name="connsiteX2" fmla="*/ 4770553 w 5231690"/>
                <a:gd name="connsiteY2" fmla="*/ 357350 h 357350"/>
                <a:gd name="connsiteX3" fmla="*/ 430206 w 5231690"/>
                <a:gd name="connsiteY3" fmla="*/ 353194 h 357350"/>
                <a:gd name="connsiteX4" fmla="*/ 0 w 5231690"/>
                <a:gd name="connsiteY4" fmla="*/ 27873 h 357350"/>
                <a:gd name="connsiteX0" fmla="*/ 0 w 5221597"/>
                <a:gd name="connsiteY0" fmla="*/ 22298 h 357350"/>
                <a:gd name="connsiteX1" fmla="*/ 5221597 w 5221597"/>
                <a:gd name="connsiteY1" fmla="*/ 0 h 357350"/>
                <a:gd name="connsiteX2" fmla="*/ 4760460 w 5221597"/>
                <a:gd name="connsiteY2" fmla="*/ 357350 h 357350"/>
                <a:gd name="connsiteX3" fmla="*/ 420113 w 5221597"/>
                <a:gd name="connsiteY3" fmla="*/ 353194 h 357350"/>
                <a:gd name="connsiteX4" fmla="*/ 0 w 5221597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80647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41784"/>
                <a:gd name="connsiteY0" fmla="*/ 22298 h 357350"/>
                <a:gd name="connsiteX1" fmla="*/ 5241784 w 5241784"/>
                <a:gd name="connsiteY1" fmla="*/ 0 h 357350"/>
                <a:gd name="connsiteX2" fmla="*/ 4765508 w 5241784"/>
                <a:gd name="connsiteY2" fmla="*/ 357350 h 357350"/>
                <a:gd name="connsiteX3" fmla="*/ 440300 w 5241784"/>
                <a:gd name="connsiteY3" fmla="*/ 353194 h 357350"/>
                <a:gd name="connsiteX4" fmla="*/ 0 w 5241784"/>
                <a:gd name="connsiteY4" fmla="*/ 22298 h 357350"/>
                <a:gd name="connsiteX0" fmla="*/ 0 w 5264540"/>
                <a:gd name="connsiteY0" fmla="*/ 0 h 360601"/>
                <a:gd name="connsiteX1" fmla="*/ 5264540 w 5264540"/>
                <a:gd name="connsiteY1" fmla="*/ 3251 h 360601"/>
                <a:gd name="connsiteX2" fmla="*/ 4788264 w 5264540"/>
                <a:gd name="connsiteY2" fmla="*/ 360601 h 360601"/>
                <a:gd name="connsiteX3" fmla="*/ 463056 w 5264540"/>
                <a:gd name="connsiteY3" fmla="*/ 356445 h 360601"/>
                <a:gd name="connsiteX4" fmla="*/ 0 w 5264540"/>
                <a:gd name="connsiteY4" fmla="*/ 0 h 360601"/>
                <a:gd name="connsiteX0" fmla="*/ 0 w 5264540"/>
                <a:gd name="connsiteY0" fmla="*/ 3136 h 357350"/>
                <a:gd name="connsiteX1" fmla="*/ 5264540 w 5264540"/>
                <a:gd name="connsiteY1" fmla="*/ 0 h 357350"/>
                <a:gd name="connsiteX2" fmla="*/ 4788264 w 5264540"/>
                <a:gd name="connsiteY2" fmla="*/ 357350 h 357350"/>
                <a:gd name="connsiteX3" fmla="*/ 463056 w 5264540"/>
                <a:gd name="connsiteY3" fmla="*/ 353194 h 357350"/>
                <a:gd name="connsiteX4" fmla="*/ 0 w 5264540"/>
                <a:gd name="connsiteY4" fmla="*/ 3136 h 357350"/>
                <a:gd name="connsiteX0" fmla="*/ 0 w 5244628"/>
                <a:gd name="connsiteY0" fmla="*/ 3136 h 357350"/>
                <a:gd name="connsiteX1" fmla="*/ 5244628 w 5244628"/>
                <a:gd name="connsiteY1" fmla="*/ 0 h 357350"/>
                <a:gd name="connsiteX2" fmla="*/ 4768352 w 5244628"/>
                <a:gd name="connsiteY2" fmla="*/ 357350 h 357350"/>
                <a:gd name="connsiteX3" fmla="*/ 443144 w 5244628"/>
                <a:gd name="connsiteY3" fmla="*/ 353194 h 357350"/>
                <a:gd name="connsiteX4" fmla="*/ 0 w 5244628"/>
                <a:gd name="connsiteY4" fmla="*/ 3136 h 357350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774041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  <a:gd name="connsiteX0" fmla="*/ 0 w 5250317"/>
                <a:gd name="connsiteY0" fmla="*/ 0 h 357408"/>
                <a:gd name="connsiteX1" fmla="*/ 5250317 w 5250317"/>
                <a:gd name="connsiteY1" fmla="*/ 58 h 357408"/>
                <a:gd name="connsiteX2" fmla="*/ 4809005 w 5250317"/>
                <a:gd name="connsiteY2" fmla="*/ 357408 h 357408"/>
                <a:gd name="connsiteX3" fmla="*/ 448833 w 5250317"/>
                <a:gd name="connsiteY3" fmla="*/ 353252 h 357408"/>
                <a:gd name="connsiteX4" fmla="*/ 0 w 5250317"/>
                <a:gd name="connsiteY4" fmla="*/ 0 h 35740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250317" h="357408">
                  <a:moveTo>
                    <a:pt x="0" y="0"/>
                  </a:moveTo>
                  <a:lnTo>
                    <a:pt x="5250317" y="58"/>
                  </a:lnTo>
                  <a:lnTo>
                    <a:pt x="4809005" y="357408"/>
                  </a:lnTo>
                  <a:lnTo>
                    <a:pt x="448833" y="353252"/>
                  </a:lnTo>
                  <a:lnTo>
                    <a:pt x="0" y="0"/>
                  </a:lnTo>
                  <a:close/>
                </a:path>
              </a:pathLst>
            </a:custGeom>
            <a:gradFill flip="none" rotWithShape="1">
              <a:gsLst>
                <a:gs pos="0">
                  <a:srgbClr val="005392"/>
                </a:gs>
                <a:gs pos="31000">
                  <a:srgbClr val="0070C0"/>
                </a:gs>
                <a:gs pos="46104">
                  <a:srgbClr val="0171C0"/>
                </a:gs>
                <a:gs pos="63000">
                  <a:srgbClr val="0674C3"/>
                </a:gs>
                <a:gs pos="100000">
                  <a:srgbClr val="005392"/>
                </a:gs>
              </a:gsLst>
              <a:path path="circle">
                <a:fillToRect l="100000" b="100000"/>
              </a:path>
              <a:tileRect t="-100000" r="-100000"/>
            </a:gra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d-ID"/>
            </a:p>
          </p:txBody>
        </p:sp>
        <p:sp>
          <p:nvSpPr>
            <p:cNvPr id="40" name="TextBox 39">
              <a:extLst>
                <a:ext uri="{FF2B5EF4-FFF2-40B4-BE49-F238E27FC236}">
                  <a16:creationId xmlns:a16="http://schemas.microsoft.com/office/drawing/2014/main" id="{2539D14F-9C63-4511-8DF0-E1AAB04BEB7B}"/>
                </a:ext>
              </a:extLst>
            </p:cNvPr>
            <p:cNvSpPr txBox="1"/>
            <p:nvPr/>
          </p:nvSpPr>
          <p:spPr>
            <a:xfrm>
              <a:off x="3594093" y="-27055"/>
              <a:ext cx="4958362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endParaRPr lang="en-US" sz="2000" dirty="0">
                <a:solidFill>
                  <a:schemeClr val="bg1"/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6869527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itle 1">
            <a:extLst>
              <a:ext uri="{FF2B5EF4-FFF2-40B4-BE49-F238E27FC236}">
                <a16:creationId xmlns:a16="http://schemas.microsoft.com/office/drawing/2014/main" id="{DCFFBE96-9692-4276-B542-6DD64741DA4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041553" y="489770"/>
            <a:ext cx="8108894" cy="769550"/>
          </a:xfrm>
        </p:spPr>
        <p:txBody>
          <a:bodyPr>
            <a:normAutofit/>
          </a:bodyPr>
          <a:lstStyle/>
          <a:p>
            <a:pPr algn="ctr"/>
            <a:r>
              <a:rPr lang="id-ID" sz="3600" b="1" dirty="0"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Isu Pelaksanaan </a:t>
            </a:r>
            <a:r>
              <a:rPr lang="id-ID" sz="3600" b="1" i="1" dirty="0"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Blended Learning</a:t>
            </a:r>
            <a:endParaRPr lang="en-US" sz="3600" b="1" i="1" dirty="0">
              <a:latin typeface="+mj-lt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</p:txBody>
      </p:sp>
      <p:grpSp>
        <p:nvGrpSpPr>
          <p:cNvPr id="20" name="Group 19">
            <a:extLst>
              <a:ext uri="{FF2B5EF4-FFF2-40B4-BE49-F238E27FC236}">
                <a16:creationId xmlns:a16="http://schemas.microsoft.com/office/drawing/2014/main" id="{6A154F4E-8D24-4D71-A5CC-295A835FA894}"/>
              </a:ext>
            </a:extLst>
          </p:cNvPr>
          <p:cNvGrpSpPr/>
          <p:nvPr/>
        </p:nvGrpSpPr>
        <p:grpSpPr>
          <a:xfrm>
            <a:off x="1270394" y="1438654"/>
            <a:ext cx="4384652" cy="1414723"/>
            <a:chOff x="1248091" y="1438654"/>
            <a:chExt cx="4384652" cy="1414723"/>
          </a:xfrm>
        </p:grpSpPr>
        <p:sp>
          <p:nvSpPr>
            <p:cNvPr id="6" name="Freeform: Shape 5">
              <a:extLst>
                <a:ext uri="{FF2B5EF4-FFF2-40B4-BE49-F238E27FC236}">
                  <a16:creationId xmlns:a16="http://schemas.microsoft.com/office/drawing/2014/main" id="{C7DCC6E0-7BEF-4AF0-8B60-F08F052A2E49}"/>
                </a:ext>
              </a:extLst>
            </p:cNvPr>
            <p:cNvSpPr/>
            <p:nvPr/>
          </p:nvSpPr>
          <p:spPr>
            <a:xfrm>
              <a:off x="1677010" y="1617211"/>
              <a:ext cx="3955733" cy="1236166"/>
            </a:xfrm>
            <a:custGeom>
              <a:avLst/>
              <a:gdLst>
                <a:gd name="connsiteX0" fmla="*/ 0 w 3955733"/>
                <a:gd name="connsiteY0" fmla="*/ 0 h 1236166"/>
                <a:gd name="connsiteX1" fmla="*/ 3955733 w 3955733"/>
                <a:gd name="connsiteY1" fmla="*/ 0 h 1236166"/>
                <a:gd name="connsiteX2" fmla="*/ 3955733 w 3955733"/>
                <a:gd name="connsiteY2" fmla="*/ 1236166 h 1236166"/>
                <a:gd name="connsiteX3" fmla="*/ 0 w 3955733"/>
                <a:gd name="connsiteY3" fmla="*/ 1236166 h 1236166"/>
                <a:gd name="connsiteX4" fmla="*/ 0 w 3955733"/>
                <a:gd name="connsiteY4" fmla="*/ 0 h 12361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955733" h="1236166">
                  <a:moveTo>
                    <a:pt x="0" y="0"/>
                  </a:moveTo>
                  <a:lnTo>
                    <a:pt x="3955733" y="0"/>
                  </a:lnTo>
                  <a:lnTo>
                    <a:pt x="3955733" y="1236166"/>
                  </a:lnTo>
                  <a:lnTo>
                    <a:pt x="0" y="1236166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rgbClr val="7030A0"/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37297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Keamanan &amp; Privasi</a:t>
              </a:r>
            </a:p>
          </p:txBody>
        </p:sp>
        <p:sp>
          <p:nvSpPr>
            <p:cNvPr id="7" name="Rectangle 6" descr="Unlock">
              <a:extLst>
                <a:ext uri="{FF2B5EF4-FFF2-40B4-BE49-F238E27FC236}">
                  <a16:creationId xmlns:a16="http://schemas.microsoft.com/office/drawing/2014/main" id="{D4E90A92-C103-461A-87D9-890CB5088698}"/>
                </a:ext>
              </a:extLst>
            </p:cNvPr>
            <p:cNvSpPr/>
            <p:nvPr/>
          </p:nvSpPr>
          <p:spPr>
            <a:xfrm>
              <a:off x="1248091" y="1438654"/>
              <a:ext cx="947495" cy="1297974"/>
            </a:xfrm>
            <a:prstGeom prst="rect">
              <a:avLst/>
            </a:prstGeom>
            <a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4"/>
                  </a:ext>
                </a:extLst>
              </a:blip>
              <a:srcRect/>
              <a:stretch>
                <a:fillRect l="-25000" r="-25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0"/>
                <a:satOff val="0"/>
                <a:lumOff val="0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22" name="Group 21">
            <a:extLst>
              <a:ext uri="{FF2B5EF4-FFF2-40B4-BE49-F238E27FC236}">
                <a16:creationId xmlns:a16="http://schemas.microsoft.com/office/drawing/2014/main" id="{8BA9EF52-CA5B-4951-A8D7-A576756E157D}"/>
              </a:ext>
            </a:extLst>
          </p:cNvPr>
          <p:cNvGrpSpPr/>
          <p:nvPr/>
        </p:nvGrpSpPr>
        <p:grpSpPr>
          <a:xfrm>
            <a:off x="6588547" y="1438654"/>
            <a:ext cx="4394532" cy="1414723"/>
            <a:chOff x="6053288" y="1438654"/>
            <a:chExt cx="4394532" cy="1414723"/>
          </a:xfrm>
        </p:grpSpPr>
        <p:sp>
          <p:nvSpPr>
            <p:cNvPr id="8" name="Freeform: Shape 7">
              <a:extLst>
                <a:ext uri="{FF2B5EF4-FFF2-40B4-BE49-F238E27FC236}">
                  <a16:creationId xmlns:a16="http://schemas.microsoft.com/office/drawing/2014/main" id="{83D46504-D2B2-4B82-9760-FE0783DDC78A}"/>
                </a:ext>
              </a:extLst>
            </p:cNvPr>
            <p:cNvSpPr/>
            <p:nvPr/>
          </p:nvSpPr>
          <p:spPr>
            <a:xfrm>
              <a:off x="6492087" y="1617211"/>
              <a:ext cx="3955733" cy="1236166"/>
            </a:xfrm>
            <a:custGeom>
              <a:avLst/>
              <a:gdLst>
                <a:gd name="connsiteX0" fmla="*/ 0 w 3955733"/>
                <a:gd name="connsiteY0" fmla="*/ 0 h 1236166"/>
                <a:gd name="connsiteX1" fmla="*/ 3955733 w 3955733"/>
                <a:gd name="connsiteY1" fmla="*/ 0 h 1236166"/>
                <a:gd name="connsiteX2" fmla="*/ 3955733 w 3955733"/>
                <a:gd name="connsiteY2" fmla="*/ 1236166 h 1236166"/>
                <a:gd name="connsiteX3" fmla="*/ 0 w 3955733"/>
                <a:gd name="connsiteY3" fmla="*/ 1236166 h 1236166"/>
                <a:gd name="connsiteX4" fmla="*/ 0 w 3955733"/>
                <a:gd name="connsiteY4" fmla="*/ 0 h 12361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955733" h="1236166">
                  <a:moveTo>
                    <a:pt x="0" y="0"/>
                  </a:moveTo>
                  <a:lnTo>
                    <a:pt x="3955733" y="0"/>
                  </a:lnTo>
                  <a:lnTo>
                    <a:pt x="3955733" y="1236166"/>
                  </a:lnTo>
                  <a:lnTo>
                    <a:pt x="0" y="1236166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rgbClr val="00B050"/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37297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Etika berkomunikasi</a:t>
              </a:r>
            </a:p>
          </p:txBody>
        </p:sp>
        <p:sp>
          <p:nvSpPr>
            <p:cNvPr id="9" name="Rectangle 8" descr="Chat">
              <a:extLst>
                <a:ext uri="{FF2B5EF4-FFF2-40B4-BE49-F238E27FC236}">
                  <a16:creationId xmlns:a16="http://schemas.microsoft.com/office/drawing/2014/main" id="{DF6A6BD8-5501-4CA6-A3E9-84FBBC885E92}"/>
                </a:ext>
              </a:extLst>
            </p:cNvPr>
            <p:cNvSpPr/>
            <p:nvPr/>
          </p:nvSpPr>
          <p:spPr>
            <a:xfrm>
              <a:off x="6053288" y="1438654"/>
              <a:ext cx="1107648" cy="1297974"/>
            </a:xfrm>
            <a:prstGeom prst="rect">
              <a:avLst/>
            </a:prstGeom>
            <a:blipFill>
              <a:blip r:embed="rId5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rcRect/>
              <a:stretch>
                <a:fillRect l="-9000" r="-9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2289505"/>
                <a:satOff val="-12031"/>
                <a:lumOff val="-871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46" name="Group 45">
            <a:extLst>
              <a:ext uri="{FF2B5EF4-FFF2-40B4-BE49-F238E27FC236}">
                <a16:creationId xmlns:a16="http://schemas.microsoft.com/office/drawing/2014/main" id="{C7589FBE-B9E5-455F-B4EC-0A2A4773DAC9}"/>
              </a:ext>
            </a:extLst>
          </p:cNvPr>
          <p:cNvGrpSpPr/>
          <p:nvPr/>
        </p:nvGrpSpPr>
        <p:grpSpPr>
          <a:xfrm>
            <a:off x="1270394" y="2994850"/>
            <a:ext cx="4384652" cy="1414724"/>
            <a:chOff x="1248091" y="2994850"/>
            <a:chExt cx="4384652" cy="1414724"/>
          </a:xfrm>
        </p:grpSpPr>
        <p:sp>
          <p:nvSpPr>
            <p:cNvPr id="10" name="Freeform: Shape 9">
              <a:extLst>
                <a:ext uri="{FF2B5EF4-FFF2-40B4-BE49-F238E27FC236}">
                  <a16:creationId xmlns:a16="http://schemas.microsoft.com/office/drawing/2014/main" id="{D21E38CA-1C61-4D72-A830-62878CA7FD08}"/>
                </a:ext>
              </a:extLst>
            </p:cNvPr>
            <p:cNvSpPr/>
            <p:nvPr/>
          </p:nvSpPr>
          <p:spPr>
            <a:xfrm>
              <a:off x="1677010" y="3173408"/>
              <a:ext cx="3955733" cy="1236166"/>
            </a:xfrm>
            <a:custGeom>
              <a:avLst/>
              <a:gdLst>
                <a:gd name="connsiteX0" fmla="*/ 0 w 3955733"/>
                <a:gd name="connsiteY0" fmla="*/ 0 h 1236166"/>
                <a:gd name="connsiteX1" fmla="*/ 3955733 w 3955733"/>
                <a:gd name="connsiteY1" fmla="*/ 0 h 1236166"/>
                <a:gd name="connsiteX2" fmla="*/ 3955733 w 3955733"/>
                <a:gd name="connsiteY2" fmla="*/ 1236166 h 1236166"/>
                <a:gd name="connsiteX3" fmla="*/ 0 w 3955733"/>
                <a:gd name="connsiteY3" fmla="*/ 1236166 h 1236166"/>
                <a:gd name="connsiteX4" fmla="*/ 0 w 3955733"/>
                <a:gd name="connsiteY4" fmla="*/ 0 h 12361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955733" h="1236166">
                  <a:moveTo>
                    <a:pt x="0" y="0"/>
                  </a:moveTo>
                  <a:lnTo>
                    <a:pt x="3955733" y="0"/>
                  </a:lnTo>
                  <a:lnTo>
                    <a:pt x="3955733" y="1236166"/>
                  </a:lnTo>
                  <a:lnTo>
                    <a:pt x="0" y="1236166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rgbClr val="0070C0"/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37297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Pengawasan orang tua</a:t>
              </a:r>
            </a:p>
          </p:txBody>
        </p:sp>
        <p:sp>
          <p:nvSpPr>
            <p:cNvPr id="11" name="Rectangle 10" descr="Security camera">
              <a:extLst>
                <a:ext uri="{FF2B5EF4-FFF2-40B4-BE49-F238E27FC236}">
                  <a16:creationId xmlns:a16="http://schemas.microsoft.com/office/drawing/2014/main" id="{478FA4E6-AAFB-464E-9355-3830F79F7921}"/>
                </a:ext>
              </a:extLst>
            </p:cNvPr>
            <p:cNvSpPr/>
            <p:nvPr/>
          </p:nvSpPr>
          <p:spPr>
            <a:xfrm>
              <a:off x="1248091" y="2994850"/>
              <a:ext cx="947495" cy="1297974"/>
            </a:xfrm>
            <a:prstGeom prst="rect">
              <a:avLst/>
            </a:prstGeom>
            <a:blipFill>
              <a:blip r:embed="rId7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rcRect/>
              <a:stretch>
                <a:fillRect l="-25000" r="-25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4579010"/>
                <a:satOff val="-24062"/>
                <a:lumOff val="-1741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B4F0378F-648B-42A3-A87E-5100C3D6E569}"/>
              </a:ext>
            </a:extLst>
          </p:cNvPr>
          <p:cNvGrpSpPr/>
          <p:nvPr/>
        </p:nvGrpSpPr>
        <p:grpSpPr>
          <a:xfrm>
            <a:off x="6588547" y="2994850"/>
            <a:ext cx="4394532" cy="1414724"/>
            <a:chOff x="6053288" y="2994850"/>
            <a:chExt cx="4394532" cy="1414724"/>
          </a:xfrm>
        </p:grpSpPr>
        <p:sp>
          <p:nvSpPr>
            <p:cNvPr id="12" name="Freeform: Shape 11">
              <a:extLst>
                <a:ext uri="{FF2B5EF4-FFF2-40B4-BE49-F238E27FC236}">
                  <a16:creationId xmlns:a16="http://schemas.microsoft.com/office/drawing/2014/main" id="{D3D6E4A0-00EF-498E-82C1-3DBD87CD5F8F}"/>
                </a:ext>
              </a:extLst>
            </p:cNvPr>
            <p:cNvSpPr/>
            <p:nvPr/>
          </p:nvSpPr>
          <p:spPr>
            <a:xfrm>
              <a:off x="6492087" y="3173408"/>
              <a:ext cx="3955733" cy="1236166"/>
            </a:xfrm>
            <a:custGeom>
              <a:avLst/>
              <a:gdLst>
                <a:gd name="connsiteX0" fmla="*/ 0 w 3955733"/>
                <a:gd name="connsiteY0" fmla="*/ 0 h 1236166"/>
                <a:gd name="connsiteX1" fmla="*/ 3955733 w 3955733"/>
                <a:gd name="connsiteY1" fmla="*/ 0 h 1236166"/>
                <a:gd name="connsiteX2" fmla="*/ 3955733 w 3955733"/>
                <a:gd name="connsiteY2" fmla="*/ 1236166 h 1236166"/>
                <a:gd name="connsiteX3" fmla="*/ 0 w 3955733"/>
                <a:gd name="connsiteY3" fmla="*/ 1236166 h 1236166"/>
                <a:gd name="connsiteX4" fmla="*/ 0 w 3955733"/>
                <a:gd name="connsiteY4" fmla="*/ 0 h 12361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955733" h="1236166">
                  <a:moveTo>
                    <a:pt x="0" y="0"/>
                  </a:moveTo>
                  <a:lnTo>
                    <a:pt x="3955733" y="0"/>
                  </a:lnTo>
                  <a:lnTo>
                    <a:pt x="3955733" y="1236166"/>
                  </a:lnTo>
                  <a:lnTo>
                    <a:pt x="0" y="1236166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chemeClr val="tx1"/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37297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Hak Cipta</a:t>
              </a:r>
            </a:p>
          </p:txBody>
        </p:sp>
        <p:sp>
          <p:nvSpPr>
            <p:cNvPr id="13" name="Rectangle 12" descr="Gavel">
              <a:extLst>
                <a:ext uri="{FF2B5EF4-FFF2-40B4-BE49-F238E27FC236}">
                  <a16:creationId xmlns:a16="http://schemas.microsoft.com/office/drawing/2014/main" id="{E4265EA7-FDE9-4EC6-80EE-0B8B3F384541}"/>
                </a:ext>
              </a:extLst>
            </p:cNvPr>
            <p:cNvSpPr/>
            <p:nvPr/>
          </p:nvSpPr>
          <p:spPr>
            <a:xfrm>
              <a:off x="6053288" y="2994850"/>
              <a:ext cx="1107648" cy="1297974"/>
            </a:xfrm>
            <a:prstGeom prst="rect">
              <a:avLst/>
            </a:prstGeom>
            <a:blipFill>
              <a:blip r:embed="rId9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10"/>
                  </a:ext>
                </a:extLst>
              </a:blip>
              <a:srcRect/>
              <a:stretch>
                <a:fillRect l="-9000" r="-9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6868515"/>
                <a:satOff val="-36094"/>
                <a:lumOff val="-2612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EEB7B70D-3DAF-4A3F-A8C3-7EBF551AFAD5}"/>
              </a:ext>
            </a:extLst>
          </p:cNvPr>
          <p:cNvGrpSpPr/>
          <p:nvPr/>
        </p:nvGrpSpPr>
        <p:grpSpPr>
          <a:xfrm>
            <a:off x="1270394" y="4551047"/>
            <a:ext cx="4384652" cy="1414723"/>
            <a:chOff x="1248091" y="4551047"/>
            <a:chExt cx="4384652" cy="1414723"/>
          </a:xfrm>
        </p:grpSpPr>
        <p:sp>
          <p:nvSpPr>
            <p:cNvPr id="14" name="Freeform: Shape 13">
              <a:extLst>
                <a:ext uri="{FF2B5EF4-FFF2-40B4-BE49-F238E27FC236}">
                  <a16:creationId xmlns:a16="http://schemas.microsoft.com/office/drawing/2014/main" id="{80FEE943-32DB-4F34-98FD-97F89D48EB13}"/>
                </a:ext>
              </a:extLst>
            </p:cNvPr>
            <p:cNvSpPr/>
            <p:nvPr/>
          </p:nvSpPr>
          <p:spPr>
            <a:xfrm>
              <a:off x="1677010" y="4729604"/>
              <a:ext cx="3955733" cy="1236166"/>
            </a:xfrm>
            <a:custGeom>
              <a:avLst/>
              <a:gdLst>
                <a:gd name="connsiteX0" fmla="*/ 0 w 3955733"/>
                <a:gd name="connsiteY0" fmla="*/ 0 h 1236166"/>
                <a:gd name="connsiteX1" fmla="*/ 3955733 w 3955733"/>
                <a:gd name="connsiteY1" fmla="*/ 0 h 1236166"/>
                <a:gd name="connsiteX2" fmla="*/ 3955733 w 3955733"/>
                <a:gd name="connsiteY2" fmla="*/ 1236166 h 1236166"/>
                <a:gd name="connsiteX3" fmla="*/ 0 w 3955733"/>
                <a:gd name="connsiteY3" fmla="*/ 1236166 h 1236166"/>
                <a:gd name="connsiteX4" fmla="*/ 0 w 3955733"/>
                <a:gd name="connsiteY4" fmla="*/ 0 h 12361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955733" h="1236166">
                  <a:moveTo>
                    <a:pt x="0" y="0"/>
                  </a:moveTo>
                  <a:lnTo>
                    <a:pt x="3955733" y="0"/>
                  </a:lnTo>
                  <a:lnTo>
                    <a:pt x="3955733" y="1236166"/>
                  </a:lnTo>
                  <a:lnTo>
                    <a:pt x="0" y="1236166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chemeClr val="accent4">
                  <a:lumMod val="50000"/>
                </a:schemeClr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37297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Literasi digital</a:t>
              </a:r>
            </a:p>
          </p:txBody>
        </p:sp>
        <p:sp>
          <p:nvSpPr>
            <p:cNvPr id="15" name="Rectangle 14" descr="Programmer">
              <a:extLst>
                <a:ext uri="{FF2B5EF4-FFF2-40B4-BE49-F238E27FC236}">
                  <a16:creationId xmlns:a16="http://schemas.microsoft.com/office/drawing/2014/main" id="{58FFD525-13BE-4DC4-8B2D-51A3DBD32AEF}"/>
                </a:ext>
              </a:extLst>
            </p:cNvPr>
            <p:cNvSpPr/>
            <p:nvPr/>
          </p:nvSpPr>
          <p:spPr>
            <a:xfrm>
              <a:off x="1248091" y="4551047"/>
              <a:ext cx="947495" cy="1297974"/>
            </a:xfrm>
            <a:prstGeom prst="rect">
              <a:avLst/>
            </a:prstGeom>
            <a:blipFill>
              <a:blip r:embed="rId11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12"/>
                  </a:ext>
                </a:extLst>
              </a:blip>
              <a:srcRect/>
              <a:stretch>
                <a:fillRect l="-25000" r="-25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9158019"/>
                <a:satOff val="-48125"/>
                <a:lumOff val="-3482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  <p:grpSp>
        <p:nvGrpSpPr>
          <p:cNvPr id="23" name="Group 22">
            <a:extLst>
              <a:ext uri="{FF2B5EF4-FFF2-40B4-BE49-F238E27FC236}">
                <a16:creationId xmlns:a16="http://schemas.microsoft.com/office/drawing/2014/main" id="{5E86544A-3AC3-414B-BE78-2DCDC2409AA4}"/>
              </a:ext>
            </a:extLst>
          </p:cNvPr>
          <p:cNvGrpSpPr/>
          <p:nvPr/>
        </p:nvGrpSpPr>
        <p:grpSpPr>
          <a:xfrm>
            <a:off x="6588547" y="4551047"/>
            <a:ext cx="4394532" cy="1414723"/>
            <a:chOff x="6053288" y="4551047"/>
            <a:chExt cx="4394532" cy="1414723"/>
          </a:xfrm>
        </p:grpSpPr>
        <p:sp>
          <p:nvSpPr>
            <p:cNvPr id="16" name="Freeform: Shape 15">
              <a:extLst>
                <a:ext uri="{FF2B5EF4-FFF2-40B4-BE49-F238E27FC236}">
                  <a16:creationId xmlns:a16="http://schemas.microsoft.com/office/drawing/2014/main" id="{6EC5C7B3-6941-4587-A53B-A5B68E8EC5AB}"/>
                </a:ext>
              </a:extLst>
            </p:cNvPr>
            <p:cNvSpPr/>
            <p:nvPr/>
          </p:nvSpPr>
          <p:spPr>
            <a:xfrm>
              <a:off x="6492087" y="4729604"/>
              <a:ext cx="3955733" cy="1236166"/>
            </a:xfrm>
            <a:custGeom>
              <a:avLst/>
              <a:gdLst>
                <a:gd name="connsiteX0" fmla="*/ 0 w 3955733"/>
                <a:gd name="connsiteY0" fmla="*/ 0 h 1236166"/>
                <a:gd name="connsiteX1" fmla="*/ 3955733 w 3955733"/>
                <a:gd name="connsiteY1" fmla="*/ 0 h 1236166"/>
                <a:gd name="connsiteX2" fmla="*/ 3955733 w 3955733"/>
                <a:gd name="connsiteY2" fmla="*/ 1236166 h 1236166"/>
                <a:gd name="connsiteX3" fmla="*/ 0 w 3955733"/>
                <a:gd name="connsiteY3" fmla="*/ 1236166 h 1236166"/>
                <a:gd name="connsiteX4" fmla="*/ 0 w 3955733"/>
                <a:gd name="connsiteY4" fmla="*/ 0 h 12361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955733" h="1236166">
                  <a:moveTo>
                    <a:pt x="0" y="0"/>
                  </a:moveTo>
                  <a:lnTo>
                    <a:pt x="3955733" y="0"/>
                  </a:lnTo>
                  <a:lnTo>
                    <a:pt x="3955733" y="1236166"/>
                  </a:lnTo>
                  <a:lnTo>
                    <a:pt x="0" y="1236166"/>
                  </a:lnTo>
                  <a:lnTo>
                    <a:pt x="0" y="0"/>
                  </a:lnTo>
                  <a:close/>
                </a:path>
              </a:pathLst>
            </a:custGeom>
            <a:ln>
              <a:solidFill>
                <a:schemeClr val="accent4">
                  <a:lumMod val="75000"/>
                </a:schemeClr>
              </a:solidFill>
            </a:ln>
          </p:spPr>
          <p:style>
            <a:lnRef idx="1">
              <a:schemeClr val="accent4">
                <a:hueOff val="0"/>
                <a:satOff val="0"/>
                <a:lumOff val="0"/>
                <a:alphaOff val="0"/>
              </a:schemeClr>
            </a:lnRef>
            <a:fillRef idx="1">
              <a:schemeClr val="lt1">
                <a:alpha val="4000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837297" tIns="106680" rIns="106680" bIns="106680" numCol="1" spcCol="1270" anchor="ctr" anchorCtr="0">
              <a:noAutofit/>
            </a:bodyPr>
            <a:lstStyle/>
            <a:p>
              <a:pPr marL="0" lvl="0" indent="0" algn="l" defTabSz="12446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800" kern="1200" dirty="0"/>
                <a:t>Leadership</a:t>
              </a:r>
            </a:p>
          </p:txBody>
        </p:sp>
        <p:sp>
          <p:nvSpPr>
            <p:cNvPr id="17" name="Rectangle 16" descr="Crown">
              <a:extLst>
                <a:ext uri="{FF2B5EF4-FFF2-40B4-BE49-F238E27FC236}">
                  <a16:creationId xmlns:a16="http://schemas.microsoft.com/office/drawing/2014/main" id="{39F708EF-22C8-4C73-BA14-8FF56085FFC1}"/>
                </a:ext>
              </a:extLst>
            </p:cNvPr>
            <p:cNvSpPr/>
            <p:nvPr/>
          </p:nvSpPr>
          <p:spPr>
            <a:xfrm>
              <a:off x="6053288" y="4551047"/>
              <a:ext cx="1107648" cy="1297974"/>
            </a:xfrm>
            <a:prstGeom prst="rect">
              <a:avLst/>
            </a:prstGeom>
            <a:blipFill>
              <a:blip r:embed="rId13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14"/>
                  </a:ext>
                </a:extLst>
              </a:blip>
              <a:srcRect/>
              <a:stretch>
                <a:fillRect l="-9000" r="-9000"/>
              </a:stretch>
            </a:blipFill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accent4">
                <a:tint val="50000"/>
                <a:hueOff val="11447524"/>
                <a:satOff val="-60156"/>
                <a:lumOff val="-4353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</p:grpSp>
    </p:spTree>
    <p:extLst>
      <p:ext uri="{BB962C8B-B14F-4D97-AF65-F5344CB8AC3E}">
        <p14:creationId xmlns:p14="http://schemas.microsoft.com/office/powerpoint/2010/main" val="17585242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itle 1">
            <a:extLst>
              <a:ext uri="{FF2B5EF4-FFF2-40B4-BE49-F238E27FC236}">
                <a16:creationId xmlns:a16="http://schemas.microsoft.com/office/drawing/2014/main" id="{DCFFBE96-9692-4276-B542-6DD64741DA4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60142" y="651648"/>
            <a:ext cx="10671717" cy="926434"/>
          </a:xfrm>
        </p:spPr>
        <p:txBody>
          <a:bodyPr>
            <a:noAutofit/>
          </a:bodyPr>
          <a:lstStyle/>
          <a:p>
            <a:pPr algn="ctr"/>
            <a:r>
              <a:rPr lang="id-ID" sz="3600" b="1" dirty="0">
                <a:latin typeface="+mj-lt"/>
                <a:ea typeface="Arial Unicode MS" panose="020B0604020202020204" pitchFamily="34" charset="-128"/>
                <a:cs typeface="Arial Unicode MS" panose="020B0604020202020204" pitchFamily="34" charset="-128"/>
              </a:rPr>
              <a:t>Optimalisasi Penggunaan Teknologi Pendidikan di Era New Normal</a:t>
            </a:r>
            <a:endParaRPr lang="en-US" sz="3600" b="1" dirty="0">
              <a:latin typeface="+mj-lt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7572E30E-7A96-49F0-BC45-42FD047FDDB6}"/>
              </a:ext>
            </a:extLst>
          </p:cNvPr>
          <p:cNvGrpSpPr/>
          <p:nvPr/>
        </p:nvGrpSpPr>
        <p:grpSpPr>
          <a:xfrm>
            <a:off x="979252" y="2043867"/>
            <a:ext cx="1957555" cy="3332984"/>
            <a:chOff x="1001555" y="1787389"/>
            <a:chExt cx="1957555" cy="3332984"/>
          </a:xfrm>
        </p:grpSpPr>
        <p:sp>
          <p:nvSpPr>
            <p:cNvPr id="5" name="Rectangle: Rounded Corners 4" descr="Research">
              <a:extLst>
                <a:ext uri="{FF2B5EF4-FFF2-40B4-BE49-F238E27FC236}">
                  <a16:creationId xmlns:a16="http://schemas.microsoft.com/office/drawing/2014/main" id="{3E3A99C0-F842-4CDD-A667-42A35E4B76ED}"/>
                </a:ext>
              </a:extLst>
            </p:cNvPr>
            <p:cNvSpPr/>
            <p:nvPr/>
          </p:nvSpPr>
          <p:spPr>
            <a:xfrm>
              <a:off x="1113014" y="1787389"/>
              <a:ext cx="1734637" cy="1734637"/>
            </a:xfrm>
            <a:prstGeom prst="roundRect">
              <a:avLst>
                <a:gd name="adj" fmla="val 10000"/>
              </a:avLst>
            </a:prstGeom>
            <a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4"/>
                  </a:ext>
                </a:extLst>
              </a:blip>
              <a:srcRect/>
              <a:stretch>
                <a:fillRect/>
              </a:stretch>
            </a:blipFill>
          </p:spPr>
          <p:style>
            <a:lnRef idx="0">
              <a:schemeClr val="dk1">
                <a:shade val="80000"/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dk1">
                <a:tint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6" name="Freeform: Shape 5">
              <a:extLst>
                <a:ext uri="{FF2B5EF4-FFF2-40B4-BE49-F238E27FC236}">
                  <a16:creationId xmlns:a16="http://schemas.microsoft.com/office/drawing/2014/main" id="{074E963C-97A7-4D05-99B1-E5681BA59F7B}"/>
                </a:ext>
              </a:extLst>
            </p:cNvPr>
            <p:cNvSpPr/>
            <p:nvPr/>
          </p:nvSpPr>
          <p:spPr>
            <a:xfrm>
              <a:off x="1001555" y="3385736"/>
              <a:ext cx="1957555" cy="1734637"/>
            </a:xfrm>
            <a:custGeom>
              <a:avLst/>
              <a:gdLst>
                <a:gd name="connsiteX0" fmla="*/ 0 w 1957555"/>
                <a:gd name="connsiteY0" fmla="*/ 173464 h 1734637"/>
                <a:gd name="connsiteX1" fmla="*/ 173464 w 1957555"/>
                <a:gd name="connsiteY1" fmla="*/ 0 h 1734637"/>
                <a:gd name="connsiteX2" fmla="*/ 1784091 w 1957555"/>
                <a:gd name="connsiteY2" fmla="*/ 0 h 1734637"/>
                <a:gd name="connsiteX3" fmla="*/ 1957555 w 1957555"/>
                <a:gd name="connsiteY3" fmla="*/ 173464 h 1734637"/>
                <a:gd name="connsiteX4" fmla="*/ 1957555 w 1957555"/>
                <a:gd name="connsiteY4" fmla="*/ 1561173 h 1734637"/>
                <a:gd name="connsiteX5" fmla="*/ 1784091 w 1957555"/>
                <a:gd name="connsiteY5" fmla="*/ 1734637 h 1734637"/>
                <a:gd name="connsiteX6" fmla="*/ 173464 w 1957555"/>
                <a:gd name="connsiteY6" fmla="*/ 1734637 h 1734637"/>
                <a:gd name="connsiteX7" fmla="*/ 0 w 1957555"/>
                <a:gd name="connsiteY7" fmla="*/ 1561173 h 1734637"/>
                <a:gd name="connsiteX8" fmla="*/ 0 w 1957555"/>
                <a:gd name="connsiteY8" fmla="*/ 173464 h 1734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1957555" h="1734637">
                  <a:moveTo>
                    <a:pt x="0" y="173464"/>
                  </a:moveTo>
                  <a:cubicBezTo>
                    <a:pt x="0" y="77662"/>
                    <a:pt x="77662" y="0"/>
                    <a:pt x="173464" y="0"/>
                  </a:cubicBezTo>
                  <a:lnTo>
                    <a:pt x="1784091" y="0"/>
                  </a:lnTo>
                  <a:cubicBezTo>
                    <a:pt x="1879893" y="0"/>
                    <a:pt x="1957555" y="77662"/>
                    <a:pt x="1957555" y="173464"/>
                  </a:cubicBezTo>
                  <a:lnTo>
                    <a:pt x="1957555" y="1561173"/>
                  </a:lnTo>
                  <a:cubicBezTo>
                    <a:pt x="1957555" y="1656975"/>
                    <a:pt x="1879893" y="1734637"/>
                    <a:pt x="1784091" y="1734637"/>
                  </a:cubicBezTo>
                  <a:lnTo>
                    <a:pt x="173464" y="1734637"/>
                  </a:lnTo>
                  <a:cubicBezTo>
                    <a:pt x="77662" y="1734637"/>
                    <a:pt x="0" y="1656975"/>
                    <a:pt x="0" y="1561173"/>
                  </a:cubicBezTo>
                  <a:lnTo>
                    <a:pt x="0" y="173464"/>
                  </a:lnTo>
                  <a:close/>
                </a:path>
              </a:pathLst>
            </a:custGeom>
          </p:spPr>
          <p:style>
            <a:lnRef idx="0">
              <a:schemeClr val="dk1">
                <a:shade val="80000"/>
                <a:hueOff val="0"/>
                <a:satOff val="0"/>
                <a:lumOff val="0"/>
                <a:alphaOff val="0"/>
              </a:schemeClr>
            </a:lnRef>
            <a:fillRef idx="3">
              <a:schemeClr val="lt1">
                <a:hueOff val="0"/>
                <a:satOff val="0"/>
                <a:lumOff val="0"/>
                <a:alphaOff val="0"/>
              </a:schemeClr>
            </a:fillRef>
            <a:effectRef idx="2">
              <a:schemeClr val="lt1"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127006" tIns="127006" rIns="127006" bIns="127006" numCol="1" spcCol="1270" anchor="ctr" anchorCtr="0">
              <a:noAutofit/>
            </a:bodyPr>
            <a:lstStyle/>
            <a:p>
              <a:pPr marL="0" lvl="0" indent="0" algn="ctr" defTabSz="8890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000" kern="1200" dirty="0"/>
                <a:t>Manfaatkan sumber belajar dan pelatihan gratis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905EA5A5-B187-401F-A734-8B090B3B1444}"/>
              </a:ext>
            </a:extLst>
          </p:cNvPr>
          <p:cNvGrpSpPr/>
          <p:nvPr/>
        </p:nvGrpSpPr>
        <p:grpSpPr>
          <a:xfrm>
            <a:off x="6562293" y="2003675"/>
            <a:ext cx="1957555" cy="3373176"/>
            <a:chOff x="6603060" y="1747197"/>
            <a:chExt cx="1957555" cy="3373176"/>
          </a:xfrm>
        </p:grpSpPr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AA9D63AF-3061-4F3B-B79A-6D0BBAB86A44}"/>
                </a:ext>
              </a:extLst>
            </p:cNvPr>
            <p:cNvSpPr/>
            <p:nvPr/>
          </p:nvSpPr>
          <p:spPr>
            <a:xfrm>
              <a:off x="6714519" y="1747197"/>
              <a:ext cx="1734637" cy="1734637"/>
            </a:xfrm>
            <a:prstGeom prst="roundRect">
              <a:avLst>
                <a:gd name="adj" fmla="val 10000"/>
              </a:avLst>
            </a:prstGeom>
            <a:blipFill rotWithShape="1">
              <a:blip r:embed="rId5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rcRect/>
              <a:stretch>
                <a:fillRect/>
              </a:stretch>
            </a:blipFill>
          </p:spPr>
          <p:style>
            <a:lnRef idx="0">
              <a:schemeClr val="dk1">
                <a:shade val="80000"/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dk1">
                <a:tint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  <p:txBody>
            <a:bodyPr/>
            <a:lstStyle/>
            <a:p>
              <a:endParaRPr lang="id-ID" dirty="0"/>
            </a:p>
          </p:txBody>
        </p:sp>
        <p:sp>
          <p:nvSpPr>
            <p:cNvPr id="12" name="Freeform: Shape 11">
              <a:extLst>
                <a:ext uri="{FF2B5EF4-FFF2-40B4-BE49-F238E27FC236}">
                  <a16:creationId xmlns:a16="http://schemas.microsoft.com/office/drawing/2014/main" id="{7CCE30B2-BC3C-4C70-98C6-440EA42ABEED}"/>
                </a:ext>
              </a:extLst>
            </p:cNvPr>
            <p:cNvSpPr/>
            <p:nvPr/>
          </p:nvSpPr>
          <p:spPr>
            <a:xfrm>
              <a:off x="6603060" y="3385736"/>
              <a:ext cx="1957555" cy="1734637"/>
            </a:xfrm>
            <a:custGeom>
              <a:avLst/>
              <a:gdLst>
                <a:gd name="connsiteX0" fmla="*/ 0 w 1957555"/>
                <a:gd name="connsiteY0" fmla="*/ 173464 h 1734637"/>
                <a:gd name="connsiteX1" fmla="*/ 173464 w 1957555"/>
                <a:gd name="connsiteY1" fmla="*/ 0 h 1734637"/>
                <a:gd name="connsiteX2" fmla="*/ 1784091 w 1957555"/>
                <a:gd name="connsiteY2" fmla="*/ 0 h 1734637"/>
                <a:gd name="connsiteX3" fmla="*/ 1957555 w 1957555"/>
                <a:gd name="connsiteY3" fmla="*/ 173464 h 1734637"/>
                <a:gd name="connsiteX4" fmla="*/ 1957555 w 1957555"/>
                <a:gd name="connsiteY4" fmla="*/ 1561173 h 1734637"/>
                <a:gd name="connsiteX5" fmla="*/ 1784091 w 1957555"/>
                <a:gd name="connsiteY5" fmla="*/ 1734637 h 1734637"/>
                <a:gd name="connsiteX6" fmla="*/ 173464 w 1957555"/>
                <a:gd name="connsiteY6" fmla="*/ 1734637 h 1734637"/>
                <a:gd name="connsiteX7" fmla="*/ 0 w 1957555"/>
                <a:gd name="connsiteY7" fmla="*/ 1561173 h 1734637"/>
                <a:gd name="connsiteX8" fmla="*/ 0 w 1957555"/>
                <a:gd name="connsiteY8" fmla="*/ 173464 h 1734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1957555" h="1734637">
                  <a:moveTo>
                    <a:pt x="0" y="173464"/>
                  </a:moveTo>
                  <a:cubicBezTo>
                    <a:pt x="0" y="77662"/>
                    <a:pt x="77662" y="0"/>
                    <a:pt x="173464" y="0"/>
                  </a:cubicBezTo>
                  <a:lnTo>
                    <a:pt x="1784091" y="0"/>
                  </a:lnTo>
                  <a:cubicBezTo>
                    <a:pt x="1879893" y="0"/>
                    <a:pt x="1957555" y="77662"/>
                    <a:pt x="1957555" y="173464"/>
                  </a:cubicBezTo>
                  <a:lnTo>
                    <a:pt x="1957555" y="1561173"/>
                  </a:lnTo>
                  <a:cubicBezTo>
                    <a:pt x="1957555" y="1656975"/>
                    <a:pt x="1879893" y="1734637"/>
                    <a:pt x="1784091" y="1734637"/>
                  </a:cubicBezTo>
                  <a:lnTo>
                    <a:pt x="173464" y="1734637"/>
                  </a:lnTo>
                  <a:cubicBezTo>
                    <a:pt x="77662" y="1734637"/>
                    <a:pt x="0" y="1656975"/>
                    <a:pt x="0" y="1561173"/>
                  </a:cubicBezTo>
                  <a:lnTo>
                    <a:pt x="0" y="173464"/>
                  </a:lnTo>
                  <a:close/>
                </a:path>
              </a:pathLst>
            </a:custGeom>
          </p:spPr>
          <p:style>
            <a:lnRef idx="0">
              <a:schemeClr val="dk1">
                <a:shade val="80000"/>
                <a:hueOff val="0"/>
                <a:satOff val="0"/>
                <a:lumOff val="0"/>
                <a:alphaOff val="0"/>
              </a:schemeClr>
            </a:lnRef>
            <a:fillRef idx="3">
              <a:schemeClr val="lt1">
                <a:hueOff val="0"/>
                <a:satOff val="0"/>
                <a:lumOff val="0"/>
                <a:alphaOff val="0"/>
              </a:schemeClr>
            </a:fillRef>
            <a:effectRef idx="2">
              <a:schemeClr val="lt1"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127006" tIns="127006" rIns="127006" bIns="127006" numCol="1" spcCol="1270" anchor="ctr" anchorCtr="0">
              <a:noAutofit/>
            </a:bodyPr>
            <a:lstStyle/>
            <a:p>
              <a:pPr marL="0" lvl="0" indent="0" algn="ctr" defTabSz="8890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000" kern="1200" dirty="0"/>
                <a:t>Berlatih menggunakan teknologi hingga </a:t>
              </a:r>
              <a:r>
                <a:rPr lang="id-ID" sz="2000" i="1" kern="1200" dirty="0"/>
                <a:t>expert</a:t>
              </a:r>
            </a:p>
          </p:txBody>
        </p:sp>
      </p:grpSp>
      <p:grpSp>
        <p:nvGrpSpPr>
          <p:cNvPr id="20" name="Group 19">
            <a:extLst>
              <a:ext uri="{FF2B5EF4-FFF2-40B4-BE49-F238E27FC236}">
                <a16:creationId xmlns:a16="http://schemas.microsoft.com/office/drawing/2014/main" id="{7B794646-B1FA-46EC-B322-DDFFF82B12CD}"/>
              </a:ext>
            </a:extLst>
          </p:cNvPr>
          <p:cNvGrpSpPr/>
          <p:nvPr/>
        </p:nvGrpSpPr>
        <p:grpSpPr>
          <a:xfrm>
            <a:off x="9258847" y="2043867"/>
            <a:ext cx="1957555" cy="3332984"/>
            <a:chOff x="9403812" y="1787389"/>
            <a:chExt cx="1957555" cy="3332984"/>
          </a:xfrm>
        </p:grpSpPr>
        <p:sp>
          <p:nvSpPr>
            <p:cNvPr id="14" name="Rectangle: Rounded Corners 13" descr="Artist">
              <a:extLst>
                <a:ext uri="{FF2B5EF4-FFF2-40B4-BE49-F238E27FC236}">
                  <a16:creationId xmlns:a16="http://schemas.microsoft.com/office/drawing/2014/main" id="{C1FDBB95-5CFF-472A-8335-D831ADE11DCF}"/>
                </a:ext>
              </a:extLst>
            </p:cNvPr>
            <p:cNvSpPr/>
            <p:nvPr/>
          </p:nvSpPr>
          <p:spPr>
            <a:xfrm>
              <a:off x="9515271" y="1787389"/>
              <a:ext cx="1734637" cy="1734637"/>
            </a:xfrm>
            <a:prstGeom prst="roundRect">
              <a:avLst>
                <a:gd name="adj" fmla="val 10000"/>
              </a:avLst>
            </a:prstGeom>
            <a:blipFill>
              <a:blip r:embed="rId7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rcRect/>
              <a:stretch>
                <a:fillRect/>
              </a:stretch>
            </a:blipFill>
          </p:spPr>
          <p:style>
            <a:lnRef idx="0">
              <a:schemeClr val="dk1">
                <a:shade val="80000"/>
                <a:hueOff val="0"/>
                <a:satOff val="0"/>
                <a:lumOff val="0"/>
                <a:alphaOff val="0"/>
              </a:schemeClr>
            </a:lnRef>
            <a:fillRef idx="1">
              <a:scrgbClr r="0" g="0" b="0"/>
            </a:fillRef>
            <a:effectRef idx="2">
              <a:schemeClr val="dk1">
                <a:tint val="40000"/>
                <a:hueOff val="0"/>
                <a:satOff val="0"/>
                <a:lumOff val="0"/>
                <a:alphaOff val="0"/>
              </a:schemeClr>
            </a:effectRef>
            <a:fontRef idx="minor">
              <a:schemeClr val="lt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15" name="Freeform: Shape 14">
              <a:extLst>
                <a:ext uri="{FF2B5EF4-FFF2-40B4-BE49-F238E27FC236}">
                  <a16:creationId xmlns:a16="http://schemas.microsoft.com/office/drawing/2014/main" id="{3145B711-70AC-48C7-850B-65E1535C7A82}"/>
                </a:ext>
              </a:extLst>
            </p:cNvPr>
            <p:cNvSpPr/>
            <p:nvPr/>
          </p:nvSpPr>
          <p:spPr>
            <a:xfrm>
              <a:off x="9403812" y="3385736"/>
              <a:ext cx="1957555" cy="1734637"/>
            </a:xfrm>
            <a:custGeom>
              <a:avLst/>
              <a:gdLst>
                <a:gd name="connsiteX0" fmla="*/ 0 w 1957555"/>
                <a:gd name="connsiteY0" fmla="*/ 173464 h 1734637"/>
                <a:gd name="connsiteX1" fmla="*/ 173464 w 1957555"/>
                <a:gd name="connsiteY1" fmla="*/ 0 h 1734637"/>
                <a:gd name="connsiteX2" fmla="*/ 1784091 w 1957555"/>
                <a:gd name="connsiteY2" fmla="*/ 0 h 1734637"/>
                <a:gd name="connsiteX3" fmla="*/ 1957555 w 1957555"/>
                <a:gd name="connsiteY3" fmla="*/ 173464 h 1734637"/>
                <a:gd name="connsiteX4" fmla="*/ 1957555 w 1957555"/>
                <a:gd name="connsiteY4" fmla="*/ 1561173 h 1734637"/>
                <a:gd name="connsiteX5" fmla="*/ 1784091 w 1957555"/>
                <a:gd name="connsiteY5" fmla="*/ 1734637 h 1734637"/>
                <a:gd name="connsiteX6" fmla="*/ 173464 w 1957555"/>
                <a:gd name="connsiteY6" fmla="*/ 1734637 h 1734637"/>
                <a:gd name="connsiteX7" fmla="*/ 0 w 1957555"/>
                <a:gd name="connsiteY7" fmla="*/ 1561173 h 1734637"/>
                <a:gd name="connsiteX8" fmla="*/ 0 w 1957555"/>
                <a:gd name="connsiteY8" fmla="*/ 173464 h 1734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1957555" h="1734637">
                  <a:moveTo>
                    <a:pt x="0" y="173464"/>
                  </a:moveTo>
                  <a:cubicBezTo>
                    <a:pt x="0" y="77662"/>
                    <a:pt x="77662" y="0"/>
                    <a:pt x="173464" y="0"/>
                  </a:cubicBezTo>
                  <a:lnTo>
                    <a:pt x="1784091" y="0"/>
                  </a:lnTo>
                  <a:cubicBezTo>
                    <a:pt x="1879893" y="0"/>
                    <a:pt x="1957555" y="77662"/>
                    <a:pt x="1957555" y="173464"/>
                  </a:cubicBezTo>
                  <a:lnTo>
                    <a:pt x="1957555" y="1561173"/>
                  </a:lnTo>
                  <a:cubicBezTo>
                    <a:pt x="1957555" y="1656975"/>
                    <a:pt x="1879893" y="1734637"/>
                    <a:pt x="1784091" y="1734637"/>
                  </a:cubicBezTo>
                  <a:lnTo>
                    <a:pt x="173464" y="1734637"/>
                  </a:lnTo>
                  <a:cubicBezTo>
                    <a:pt x="77662" y="1734637"/>
                    <a:pt x="0" y="1656975"/>
                    <a:pt x="0" y="1561173"/>
                  </a:cubicBezTo>
                  <a:lnTo>
                    <a:pt x="0" y="173464"/>
                  </a:lnTo>
                  <a:close/>
                </a:path>
              </a:pathLst>
            </a:custGeom>
          </p:spPr>
          <p:style>
            <a:lnRef idx="0">
              <a:schemeClr val="dk1">
                <a:shade val="80000"/>
                <a:hueOff val="0"/>
                <a:satOff val="0"/>
                <a:lumOff val="0"/>
                <a:alphaOff val="0"/>
              </a:schemeClr>
            </a:lnRef>
            <a:fillRef idx="3">
              <a:schemeClr val="lt1">
                <a:hueOff val="0"/>
                <a:satOff val="0"/>
                <a:lumOff val="0"/>
                <a:alphaOff val="0"/>
              </a:schemeClr>
            </a:fillRef>
            <a:effectRef idx="2">
              <a:schemeClr val="lt1"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127006" tIns="127006" rIns="127006" bIns="127006" numCol="1" spcCol="1270" anchor="ctr" anchorCtr="0">
              <a:noAutofit/>
            </a:bodyPr>
            <a:lstStyle/>
            <a:p>
              <a:pPr marL="0" lvl="0" indent="0" algn="ctr" defTabSz="8890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000" kern="1200" dirty="0"/>
                <a:t>Rancang cara belajar efektif dengan teknologi</a:t>
              </a:r>
            </a:p>
          </p:txBody>
        </p:sp>
      </p:grpSp>
      <p:grpSp>
        <p:nvGrpSpPr>
          <p:cNvPr id="23" name="Group 22">
            <a:extLst>
              <a:ext uri="{FF2B5EF4-FFF2-40B4-BE49-F238E27FC236}">
                <a16:creationId xmlns:a16="http://schemas.microsoft.com/office/drawing/2014/main" id="{C5679ADA-75A0-49AE-B8C8-C2194D8A293E}"/>
              </a:ext>
            </a:extLst>
          </p:cNvPr>
          <p:cNvGrpSpPr/>
          <p:nvPr/>
        </p:nvGrpSpPr>
        <p:grpSpPr>
          <a:xfrm>
            <a:off x="3632860" y="2170075"/>
            <a:ext cx="2345154" cy="3206776"/>
            <a:chOff x="3591493" y="1913597"/>
            <a:chExt cx="2345154" cy="3206776"/>
          </a:xfrm>
        </p:grpSpPr>
        <p:sp>
          <p:nvSpPr>
            <p:cNvPr id="9" name="Freeform: Shape 8">
              <a:extLst>
                <a:ext uri="{FF2B5EF4-FFF2-40B4-BE49-F238E27FC236}">
                  <a16:creationId xmlns:a16="http://schemas.microsoft.com/office/drawing/2014/main" id="{672B09E0-0544-46C3-8BC8-28C0982B8024}"/>
                </a:ext>
              </a:extLst>
            </p:cNvPr>
            <p:cNvSpPr/>
            <p:nvPr/>
          </p:nvSpPr>
          <p:spPr>
            <a:xfrm>
              <a:off x="3591493" y="3385736"/>
              <a:ext cx="2345154" cy="1734637"/>
            </a:xfrm>
            <a:custGeom>
              <a:avLst/>
              <a:gdLst>
                <a:gd name="connsiteX0" fmla="*/ 0 w 1957555"/>
                <a:gd name="connsiteY0" fmla="*/ 173464 h 1734637"/>
                <a:gd name="connsiteX1" fmla="*/ 173464 w 1957555"/>
                <a:gd name="connsiteY1" fmla="*/ 0 h 1734637"/>
                <a:gd name="connsiteX2" fmla="*/ 1784091 w 1957555"/>
                <a:gd name="connsiteY2" fmla="*/ 0 h 1734637"/>
                <a:gd name="connsiteX3" fmla="*/ 1957555 w 1957555"/>
                <a:gd name="connsiteY3" fmla="*/ 173464 h 1734637"/>
                <a:gd name="connsiteX4" fmla="*/ 1957555 w 1957555"/>
                <a:gd name="connsiteY4" fmla="*/ 1561173 h 1734637"/>
                <a:gd name="connsiteX5" fmla="*/ 1784091 w 1957555"/>
                <a:gd name="connsiteY5" fmla="*/ 1734637 h 1734637"/>
                <a:gd name="connsiteX6" fmla="*/ 173464 w 1957555"/>
                <a:gd name="connsiteY6" fmla="*/ 1734637 h 1734637"/>
                <a:gd name="connsiteX7" fmla="*/ 0 w 1957555"/>
                <a:gd name="connsiteY7" fmla="*/ 1561173 h 1734637"/>
                <a:gd name="connsiteX8" fmla="*/ 0 w 1957555"/>
                <a:gd name="connsiteY8" fmla="*/ 173464 h 1734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1957555" h="1734637">
                  <a:moveTo>
                    <a:pt x="0" y="173464"/>
                  </a:moveTo>
                  <a:cubicBezTo>
                    <a:pt x="0" y="77662"/>
                    <a:pt x="77662" y="0"/>
                    <a:pt x="173464" y="0"/>
                  </a:cubicBezTo>
                  <a:lnTo>
                    <a:pt x="1784091" y="0"/>
                  </a:lnTo>
                  <a:cubicBezTo>
                    <a:pt x="1879893" y="0"/>
                    <a:pt x="1957555" y="77662"/>
                    <a:pt x="1957555" y="173464"/>
                  </a:cubicBezTo>
                  <a:lnTo>
                    <a:pt x="1957555" y="1561173"/>
                  </a:lnTo>
                  <a:cubicBezTo>
                    <a:pt x="1957555" y="1656975"/>
                    <a:pt x="1879893" y="1734637"/>
                    <a:pt x="1784091" y="1734637"/>
                  </a:cubicBezTo>
                  <a:lnTo>
                    <a:pt x="173464" y="1734637"/>
                  </a:lnTo>
                  <a:cubicBezTo>
                    <a:pt x="77662" y="1734637"/>
                    <a:pt x="0" y="1656975"/>
                    <a:pt x="0" y="1561173"/>
                  </a:cubicBezTo>
                  <a:lnTo>
                    <a:pt x="0" y="173464"/>
                  </a:lnTo>
                  <a:close/>
                </a:path>
              </a:pathLst>
            </a:custGeom>
          </p:spPr>
          <p:style>
            <a:lnRef idx="0">
              <a:schemeClr val="dk1">
                <a:shade val="80000"/>
                <a:hueOff val="0"/>
                <a:satOff val="0"/>
                <a:lumOff val="0"/>
                <a:alphaOff val="0"/>
              </a:schemeClr>
            </a:lnRef>
            <a:fillRef idx="3">
              <a:schemeClr val="lt1">
                <a:hueOff val="0"/>
                <a:satOff val="0"/>
                <a:lumOff val="0"/>
                <a:alphaOff val="0"/>
              </a:schemeClr>
            </a:fillRef>
            <a:effectRef idx="2">
              <a:schemeClr val="lt1">
                <a:hueOff val="0"/>
                <a:satOff val="0"/>
                <a:lumOff val="0"/>
                <a:alphaOff val="0"/>
              </a:schemeClr>
            </a:effectRef>
            <a:fontRef idx="minor">
              <a:schemeClr val="dk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127006" tIns="127006" rIns="127006" bIns="127006" numCol="1" spcCol="1270" anchor="ctr" anchorCtr="0">
              <a:noAutofit/>
            </a:bodyPr>
            <a:lstStyle/>
            <a:p>
              <a:pPr marL="0" lvl="0" indent="0" algn="ctr" defTabSz="8890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  <a:buNone/>
              </a:pPr>
              <a:r>
                <a:rPr lang="id-ID" sz="2000" kern="1200" dirty="0"/>
                <a:t>Libatkan Tripusat Pendidikan dalam penggunaan teknologi</a:t>
              </a:r>
            </a:p>
          </p:txBody>
        </p:sp>
        <p:pic>
          <p:nvPicPr>
            <p:cNvPr id="22" name="Graphic 21" descr="Head with gears">
              <a:extLst>
                <a:ext uri="{FF2B5EF4-FFF2-40B4-BE49-F238E27FC236}">
                  <a16:creationId xmlns:a16="http://schemas.microsoft.com/office/drawing/2014/main" id="{7B8F9818-0ACB-45E2-8889-7594655747FE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3798048" y="1913597"/>
              <a:ext cx="1544444" cy="1544444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141883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91FCDF53-EA81-4EA4-9CD0-77E820B9D751}"/>
  <p:tag name="ISPRING_RESOURCE_FOLDER" val="D:\Walisongo\Optimalisasi teknologi pendidikan di era new normal\"/>
  <p:tag name="ISPRING_PRESENTATION_PATH" val="D:\Walisongo\Optimalisasi teknologi pendidikan di era new normal.pptx"/>
  <p:tag name="ISPRING_PROJECT_VERSION" val="9.3"/>
  <p:tag name="ISPRING_PROJECT_FOLDER_UPDATED" val="1"/>
  <p:tag name="ISPRING_SCREEN_RECS_UPDATED" val="D:\Walisongo\Optimalisasi teknologi pendidikan di era new normal\"/>
</p:tagLst>
</file>

<file path=ppt/theme/theme1.xml><?xml version="1.0" encoding="utf-8"?>
<a:theme xmlns:a="http://schemas.openxmlformats.org/drawingml/2006/main" name="Presentasi Disertasi Ibu Galuh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437" row="3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2EEDB55-2FF4-4384-AF1E-A37B8C623C07}">
  <we:reference id="wa104178141" version="4.3.3.0" store="en-US" storeType="OMEX"/>
  <we:alternateReferences>
    <we:reference id="wa104178141" version="4.3.3.0" store="en-US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emplate>PPT - Konsep Dasar Media Pembelajaran</Template>
  <TotalTime>1960</TotalTime>
  <Words>767</Words>
  <Application>Microsoft Office PowerPoint</Application>
  <PresentationFormat>Widescreen</PresentationFormat>
  <Paragraphs>109</Paragraphs>
  <Slides>11</Slides>
  <Notes>10</Notes>
  <HiddenSlides>0</HiddenSlides>
  <MMClips>0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1</vt:i4>
      </vt:variant>
    </vt:vector>
  </HeadingPairs>
  <TitlesOfParts>
    <vt:vector size="21" baseType="lpstr">
      <vt:lpstr>Arial Unicode MS</vt:lpstr>
      <vt:lpstr>Arial</vt:lpstr>
      <vt:lpstr>Arial Narrow</vt:lpstr>
      <vt:lpstr>Bahnschrift SemiBold Condensed</vt:lpstr>
      <vt:lpstr>Calibri</vt:lpstr>
      <vt:lpstr>Comfortaa</vt:lpstr>
      <vt:lpstr>Libre Franklin</vt:lpstr>
      <vt:lpstr>Libre Franklin Medium</vt:lpstr>
      <vt:lpstr>Open Sans</vt:lpstr>
      <vt:lpstr>Presentasi Disertasi Ibu Galuh</vt:lpstr>
      <vt:lpstr>Optimalisasi  Teknologi Pendidikan  di Era New Normal  Melalui Blended Learning</vt:lpstr>
      <vt:lpstr>PowerPoint Presentation</vt:lpstr>
      <vt:lpstr>PowerPoint Presentation</vt:lpstr>
      <vt:lpstr>Apa itu Teknologi?</vt:lpstr>
      <vt:lpstr>Pembelajaran Blended di Era New Normal</vt:lpstr>
      <vt:lpstr>Perangkat Blended Learning di Era New Normal</vt:lpstr>
      <vt:lpstr>Memilih Teknologi Pendidikan</vt:lpstr>
      <vt:lpstr>Isu Pelaksanaan Blended Learning</vt:lpstr>
      <vt:lpstr>Optimalisasi Penggunaan Teknologi Pendidikan di Era New Normal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Optimalisasi teknologi pendidikan di era new normal via blended learnings</dc:title>
  <dc:creator>HamdanHuseinBatubara</dc:creator>
  <cp:lastModifiedBy>Hamdan Husein Batubara</cp:lastModifiedBy>
  <cp:revision>1186</cp:revision>
  <dcterms:created xsi:type="dcterms:W3CDTF">2020-06-15T13:19:05Z</dcterms:created>
  <dcterms:modified xsi:type="dcterms:W3CDTF">2020-07-05T05:32:48Z</dcterms:modified>
</cp:coreProperties>
</file>